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updateLinks="never"/>
  <bookViews>
    <workbookView xWindow="0" yWindow="30" windowWidth="24420" windowHeight="12300" tabRatio="732"/>
  </bookViews>
  <sheets>
    <sheet name="表紙" sheetId="1" r:id="rId1"/>
    <sheet name="様式第1号" sheetId="2" r:id="rId2"/>
    <sheet name="様式第2号" sheetId="18" r:id="rId3"/>
    <sheet name="様式第3号" sheetId="3" r:id="rId4"/>
    <sheet name="様式第4号-1" sheetId="20" r:id="rId5"/>
    <sheet name="様式第4号-2" sheetId="4" r:id="rId6"/>
    <sheet name="様式第5号" sheetId="5" r:id="rId7"/>
    <sheet name="様式第6号" sheetId="7" r:id="rId8"/>
    <sheet name="様式第7号" sheetId="8" r:id="rId9"/>
    <sheet name="様式第8号" sheetId="9" r:id="rId10"/>
    <sheet name="様式第9号" sheetId="14" r:id="rId11"/>
    <sheet name="様式第10号" sheetId="13" r:id="rId12"/>
    <sheet name="様式第11号" sheetId="12" r:id="rId13"/>
    <sheet name="様式第12号" sheetId="19" r:id="rId14"/>
  </sheets>
  <externalReferences>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s>
  <definedNames>
    <definedName name="_1Excel_BuiltIn_Print_Area_1_1" localSheetId="13">#REF!</definedName>
    <definedName name="_1Excel_BuiltIn_Print_Area_1_1" localSheetId="4">#REF!</definedName>
    <definedName name="_1Excel_BuiltIn_Print_Area_1_1">#REF!</definedName>
    <definedName name="_1P">#N/A</definedName>
    <definedName name="_2Excel_BuiltIn_Print_Titles_1_1" localSheetId="13">#REF!</definedName>
    <definedName name="_2Excel_BuiltIn_Print_Titles_1_1" localSheetId="4">#REF!</definedName>
    <definedName name="_2Excel_BuiltIn_Print_Titles_1_1">#REF!</definedName>
    <definedName name="_2P" localSheetId="13">#REF!</definedName>
    <definedName name="_2P" localSheetId="4">#REF!</definedName>
    <definedName name="_2P">#REF!</definedName>
    <definedName name="_3Ｒ_Ｄマスタメインデータ">'[1]Ｒ＆Ｄマスタメインデータ'!$A$1:$BF$411</definedName>
    <definedName name="_fan1">[2]設備電力!$C$96</definedName>
    <definedName name="_Gac2" localSheetId="13">#REF!</definedName>
    <definedName name="_Gac2" localSheetId="4">#REF!</definedName>
    <definedName name="_Gac2">#REF!</definedName>
    <definedName name="_Gad2" localSheetId="13">#REF!</definedName>
    <definedName name="_Gad2" localSheetId="4">#REF!</definedName>
    <definedName name="_Gad2">#REF!</definedName>
    <definedName name="_Gfd2" localSheetId="13">#REF!</definedName>
    <definedName name="_Gfd2" localSheetId="4">#REF!</definedName>
    <definedName name="_Gfd2">#REF!</definedName>
    <definedName name="_Ld1">[3]設備電力!$H$13</definedName>
    <definedName name="_Ld2">[3]設備電力!$H$39</definedName>
    <definedName name="_Ld3">[2]設備電力!$J$35</definedName>
    <definedName name="_Ld5">[2]設備電力!$J$44</definedName>
    <definedName name="_Ld6">[3]設備電力!$H$70</definedName>
    <definedName name="_Ld7">[2]設備電力!$J$69</definedName>
    <definedName name="_Ld8">[3]設備電力!$H$78</definedName>
    <definedName name="_Ld9">[2]設備電力!$J$82</definedName>
    <definedName name="_mav2" localSheetId="13">#REF!</definedName>
    <definedName name="_mav2" localSheetId="4">#REF!</definedName>
    <definedName name="_mav2">#REF!</definedName>
    <definedName name="_Order1" hidden="1">0</definedName>
    <definedName name="\A" localSheetId="13">#REF!</definedName>
    <definedName name="\A" localSheetId="4">#REF!</definedName>
    <definedName name="\A">#REF!</definedName>
    <definedName name="\B" localSheetId="13">#REF!</definedName>
    <definedName name="\B" localSheetId="4">#REF!</definedName>
    <definedName name="\B">#REF!</definedName>
    <definedName name="\C" localSheetId="13">#REF!</definedName>
    <definedName name="\C" localSheetId="4">#REF!</definedName>
    <definedName name="\C">#REF!</definedName>
    <definedName name="a">'[4]プラズマ用灰量計算（低質ごみ）'!$D$37</definedName>
    <definedName name="aaa">[5]受注_営業!$A$1:$AG$63</definedName>
    <definedName name="AGA">OFFSET([6]消費電力リスト!$F$5,0,0,PowerConsump_CaseCount,1)</definedName>
    <definedName name="alkali">[2]寸法計画と薬剤使用量!$C$121</definedName>
    <definedName name="alkali1">[7]寸法計画!$C$117</definedName>
    <definedName name="anscount" hidden="1">1</definedName>
    <definedName name="b">'[4]プラズマ用灰量計算（低質ごみ）'!$D$38</definedName>
    <definedName name="BA_1">[2]設備電力!$F$2</definedName>
    <definedName name="BAforACsilo">[2]設備電力!$J$57</definedName>
    <definedName name="basiclist_eqidname" localSheetId="13">#REF!</definedName>
    <definedName name="basiclist_eqidname" localSheetId="4">#REF!</definedName>
    <definedName name="basiclist_eqidname">#REF!</definedName>
    <definedName name="basiclist_Flowidname" localSheetId="13">#REF!</definedName>
    <definedName name="basiclist_Flowidname" localSheetId="4">#REF!</definedName>
    <definedName name="basiclist_Flowidname">#REF!</definedName>
    <definedName name="bbb">[8]研究設備BG!$A$1:$B$181</definedName>
    <definedName name="BH">[3]寸法計画!$D$2</definedName>
    <definedName name="blower常用数量">[2]設備電力!$J$64</definedName>
    <definedName name="blower予備数量">[2]設備電力!$J$65</definedName>
    <definedName name="CaseNo" localSheetId="13">#REF!</definedName>
    <definedName name="CaseNo" localSheetId="4">#REF!</definedName>
    <definedName name="CaseNo">#REF!</definedName>
    <definedName name="CommonML_Col_Name" localSheetId="13">#REF!</definedName>
    <definedName name="CommonML_Col_Name" localSheetId="4">#REF!</definedName>
    <definedName name="CommonML_Col_Name">#REF!</definedName>
    <definedName name="CommonML_Col_Spec" localSheetId="13">#REF!</definedName>
    <definedName name="CommonML_Col_Spec" localSheetId="4">#REF!</definedName>
    <definedName name="CommonML_Col_Spec">#REF!</definedName>
    <definedName name="CommonMLCount" localSheetId="13">#REF!</definedName>
    <definedName name="CommonMLCount" localSheetId="4">#REF!</definedName>
    <definedName name="CommonMLCount">#REF!</definedName>
    <definedName name="CommonMLITEMID" localSheetId="13">#REF!</definedName>
    <definedName name="CommonMLITEMID" localSheetId="4">#REF!</definedName>
    <definedName name="CommonMLITEMID">#REF!</definedName>
    <definedName name="CommonMLITEMID_BlankRow" localSheetId="13">#REF!</definedName>
    <definedName name="CommonMLITEMID_BlankRow" localSheetId="4">#REF!</definedName>
    <definedName name="CommonMLITEMID_BlankRow">#REF!</definedName>
    <definedName name="CompanyCode">[9]Option!$F$26</definedName>
    <definedName name="CompanyName">[9]Option!$F$24</definedName>
    <definedName name="comp数量">[2]設備電力!$J$7</definedName>
    <definedName name="ConCenterITEMID" localSheetId="13">#REF!</definedName>
    <definedName name="ConCenterITEMID" localSheetId="4">#REF!</definedName>
    <definedName name="ConCenterITEMID">#REF!</definedName>
    <definedName name="ConCenterList">OFFSET([6]電気盤リスト!$D$14,0,0,[6]電気盤リスト!$B$14,1)</definedName>
    <definedName name="ConMainITEMID" localSheetId="13">#REF!</definedName>
    <definedName name="ConMainITEMID" localSheetId="4">#REF!</definedName>
    <definedName name="ConMainITEMID">#REF!</definedName>
    <definedName name="ConPane_CONC" localSheetId="13">#REF!</definedName>
    <definedName name="ConPane_CONC" localSheetId="4">#REF!</definedName>
    <definedName name="ConPane_CONC">#REF!</definedName>
    <definedName name="ConPane_CONC_Count" localSheetId="13">#REF!</definedName>
    <definedName name="ConPane_CONC_Count" localSheetId="4">#REF!</definedName>
    <definedName name="ConPane_CONC_Count">#REF!</definedName>
    <definedName name="ConPane_fieldID" localSheetId="13">#REF!</definedName>
    <definedName name="ConPane_fieldID" localSheetId="4">#REF!</definedName>
    <definedName name="ConPane_fieldID">#REF!</definedName>
    <definedName name="ConPaneCount" localSheetId="13">#REF!</definedName>
    <definedName name="ConPaneCount" localSheetId="4">#REF!</definedName>
    <definedName name="ConPaneCount">#REF!</definedName>
    <definedName name="ConPaneITEMID" localSheetId="13">#REF!</definedName>
    <definedName name="ConPaneITEMID" localSheetId="4">#REF!</definedName>
    <definedName name="ConPaneITEMID">#REF!</definedName>
    <definedName name="ConPaneTYPE" localSheetId="13">#REF!</definedName>
    <definedName name="ConPaneTYPE" localSheetId="4">#REF!</definedName>
    <definedName name="ConPaneTYPE">#REF!</definedName>
    <definedName name="d">'[4]プラズマ用灰量計算（低質ごみ）'!$D$10</definedName>
    <definedName name="Data" localSheetId="13">#REF!</definedName>
    <definedName name="Data" localSheetId="4">#REF!</definedName>
    <definedName name="Data">#REF!</definedName>
    <definedName name="_xlnm.Database" localSheetId="13">#REF!</definedName>
    <definedName name="_xlnm.Database" localSheetId="4">#REF!</definedName>
    <definedName name="_xlnm.Database">#REF!</definedName>
    <definedName name="DataEnd" localSheetId="13">#REF!</definedName>
    <definedName name="DataEnd" localSheetId="4">#REF!</definedName>
    <definedName name="DataEnd">#REF!</definedName>
    <definedName name="DBM_GetData" localSheetId="13">#REF!</definedName>
    <definedName name="DBM_GetData" localSheetId="4">#REF!</definedName>
    <definedName name="DBM_GetData">#REF!</definedName>
    <definedName name="DBM_ID1" localSheetId="13">#REF!</definedName>
    <definedName name="DBM_ID1" localSheetId="4">#REF!</definedName>
    <definedName name="DBM_ID1">#REF!</definedName>
    <definedName name="DBM_ID2" localSheetId="13">#REF!</definedName>
    <definedName name="DBM_ID2" localSheetId="4">#REF!</definedName>
    <definedName name="DBM_ID2">#REF!</definedName>
    <definedName name="DBM_ID3" localSheetId="13">#REF!</definedName>
    <definedName name="DBM_ID3" localSheetId="4">#REF!</definedName>
    <definedName name="DBM_ID3">#REF!</definedName>
    <definedName name="DBM_ID4" localSheetId="13">#REF!</definedName>
    <definedName name="DBM_ID4" localSheetId="4">#REF!</definedName>
    <definedName name="DBM_ID4">#REF!</definedName>
    <definedName name="deg_K">[10]基本定数等!$C$18</definedName>
    <definedName name="DetailCommonML_Col_FieldName" localSheetId="13">#REF!</definedName>
    <definedName name="DetailCommonML_Col_FieldName" localSheetId="4">#REF!</definedName>
    <definedName name="DetailCommonML_Col_FieldName">#REF!</definedName>
    <definedName name="DetailCommonML_Col_FieldUnit" localSheetId="13">#REF!</definedName>
    <definedName name="DetailCommonML_Col_FieldUnit" localSheetId="4">#REF!</definedName>
    <definedName name="DetailCommonML_Col_FieldUnit">#REF!</definedName>
    <definedName name="DetailCommonML_Col_Name" localSheetId="13">#REF!</definedName>
    <definedName name="DetailCommonML_Col_Name" localSheetId="4">#REF!</definedName>
    <definedName name="DetailCommonML_Col_Name">#REF!</definedName>
    <definedName name="DetailCommonML_Col_Spec" localSheetId="13">#REF!</definedName>
    <definedName name="DetailCommonML_Col_Spec" localSheetId="4">#REF!</definedName>
    <definedName name="DetailCommonML_Col_Spec">#REF!</definedName>
    <definedName name="DetailCommonMLCount" localSheetId="13">#REF!</definedName>
    <definedName name="DetailCommonMLCount" localSheetId="4">#REF!</definedName>
    <definedName name="DetailCommonMLCount">#REF!</definedName>
    <definedName name="DetailCommonMLITEMID" localSheetId="13">#REF!</definedName>
    <definedName name="DetailCommonMLITEMID" localSheetId="4">#REF!</definedName>
    <definedName name="DetailCommonMLITEMID">#REF!</definedName>
    <definedName name="DetailCommonMLITEMID_BlankRow" localSheetId="13">#REF!</definedName>
    <definedName name="DetailCommonMLITEMID_BlankRow" localSheetId="4">#REF!</definedName>
    <definedName name="DetailCommonMLITEMID_BlankRow">#REF!</definedName>
    <definedName name="DH_し尿3" localSheetId="13">#REF!</definedName>
    <definedName name="DH_し尿3" localSheetId="4">#REF!</definedName>
    <definedName name="DH_し尿3">#REF!</definedName>
    <definedName name="DH_し尿31" localSheetId="13">#REF!</definedName>
    <definedName name="DH_し尿31" localSheetId="4">#REF!</definedName>
    <definedName name="DH_し尿31">#REF!</definedName>
    <definedName name="DH_し尿33" localSheetId="13">#REF!</definedName>
    <definedName name="DH_し尿33" localSheetId="4">#REF!</definedName>
    <definedName name="DH_し尿33">#REF!</definedName>
    <definedName name="DistList_ControlPanel">#N/A</definedName>
    <definedName name="DistList_CustomerIDItem">#N/A</definedName>
    <definedName name="Divsion_BlankRow" localSheetId="13">#REF!</definedName>
    <definedName name="Divsion_BlankRow" localSheetId="4">#REF!</definedName>
    <definedName name="Divsion_BlankRow">#REF!</definedName>
    <definedName name="Divsion_ITEMID">[6]変更履歴!$B$11</definedName>
    <definedName name="DivsionCount">[6]変更履歴!$A$5</definedName>
    <definedName name="Dr" localSheetId="13">#REF!</definedName>
    <definedName name="Dr" localSheetId="4">#REF!</definedName>
    <definedName name="Dr">#REF!</definedName>
    <definedName name="DrainTrap1">[2]設備電力!$C$19</definedName>
    <definedName name="DrainTrap数量">[2]設備電力!$J$21</definedName>
    <definedName name="dryer数量">[2]設備電力!$J$25</definedName>
    <definedName name="Ds" localSheetId="13">#REF!</definedName>
    <definedName name="Ds" localSheetId="4">#REF!</definedName>
    <definedName name="Ds">#REF!</definedName>
    <definedName name="DSCR" localSheetId="13">#REF!</definedName>
    <definedName name="DSCR" localSheetId="4">#REF!</definedName>
    <definedName name="DSCR">#REF!</definedName>
    <definedName name="e">'[4]プラズマ用灰量計算（低質ごみ）'!$D$11</definedName>
    <definedName name="el_col_concenter_id" localSheetId="13">#REF!</definedName>
    <definedName name="el_col_concenter_id" localSheetId="4">#REF!</definedName>
    <definedName name="el_col_concenter_id">#REF!</definedName>
    <definedName name="el_col_conpane" localSheetId="13">#REF!</definedName>
    <definedName name="el_col_conpane" localSheetId="4">#REF!</definedName>
    <definedName name="el_col_conpane">#REF!</definedName>
    <definedName name="el_col_conpane_id" localSheetId="13">#REF!</definedName>
    <definedName name="el_col_conpane_id" localSheetId="4">#REF!</definedName>
    <definedName name="el_col_conpane_id">#REF!</definedName>
    <definedName name="el_col_eme" localSheetId="13">#REF!</definedName>
    <definedName name="el_col_eme" localSheetId="4">#REF!</definedName>
    <definedName name="el_col_eme">#REF!</definedName>
    <definedName name="el_col_INV" localSheetId="13">#REF!</definedName>
    <definedName name="el_col_INV" localSheetId="4">#REF!</definedName>
    <definedName name="el_col_INV">#REF!</definedName>
    <definedName name="EPC_FieldID" localSheetId="13">#REF!</definedName>
    <definedName name="EPC_FieldID" localSheetId="4">#REF!</definedName>
    <definedName name="EPC_FieldID">#REF!</definedName>
    <definedName name="EPCCost_Col_Attached" localSheetId="13">#REF!</definedName>
    <definedName name="EPCCost_Col_Attached" localSheetId="4">#REF!</definedName>
    <definedName name="EPCCost_Col_Attached">#REF!</definedName>
    <definedName name="EPCCost_Col_CostAlfa" localSheetId="13">#REF!</definedName>
    <definedName name="EPCCost_Col_CostAlfa" localSheetId="4">#REF!</definedName>
    <definedName name="EPCCost_Col_CostAlfa">#REF!</definedName>
    <definedName name="EPCCost_Col_CostComment" localSheetId="13">#REF!</definedName>
    <definedName name="EPCCost_Col_CostComment" localSheetId="4">#REF!</definedName>
    <definedName name="EPCCost_Col_CostComment">#REF!</definedName>
    <definedName name="EPCCost_Col_CostRate" localSheetId="13">#REF!</definedName>
    <definedName name="EPCCost_Col_CostRate" localSheetId="4">#REF!</definedName>
    <definedName name="EPCCost_Col_CostRate">#REF!</definedName>
    <definedName name="EPCCost_Col_CostRequest" localSheetId="13">#REF!</definedName>
    <definedName name="EPCCost_Col_CostRequest" localSheetId="4">#REF!</definedName>
    <definedName name="EPCCost_Col_CostRequest">#REF!</definedName>
    <definedName name="EPCCost_Col_CostRoot" localSheetId="13">#REF!</definedName>
    <definedName name="EPCCost_Col_CostRoot" localSheetId="4">#REF!</definedName>
    <definedName name="EPCCost_Col_CostRoot">#REF!</definedName>
    <definedName name="EPCCost_Col_CostTotal" localSheetId="13">#REF!</definedName>
    <definedName name="EPCCost_Col_CostTotal" localSheetId="4">#REF!</definedName>
    <definedName name="EPCCost_Col_CostTotal">#REF!</definedName>
    <definedName name="EPCCost_Col_CostUnit" localSheetId="13">#REF!</definedName>
    <definedName name="EPCCost_Col_CostUnit" localSheetId="4">#REF!</definedName>
    <definedName name="EPCCost_Col_CostUnit">#REF!</definedName>
    <definedName name="EPCCost_Col_FixCost" localSheetId="13">#REF!</definedName>
    <definedName name="EPCCost_Col_FixCost" localSheetId="4">#REF!</definedName>
    <definedName name="EPCCost_Col_FixCost">#REF!</definedName>
    <definedName name="EPCCost_Col_FixCost_Input" localSheetId="13">#REF!</definedName>
    <definedName name="EPCCost_Col_FixCost_Input" localSheetId="4">#REF!</definedName>
    <definedName name="EPCCost_Col_FixCost_Input">#REF!</definedName>
    <definedName name="EPCCost_Col_Spec" localSheetId="13">#REF!</definedName>
    <definedName name="EPCCost_Col_Spec" localSheetId="4">#REF!</definedName>
    <definedName name="EPCCost_Col_Spec">#REF!</definedName>
    <definedName name="EPCCostCount">[6]EPC機器リスト!$A$5</definedName>
    <definedName name="EPCCostDB_Col_Data11">[11]EPC積算履歴DB!$M$3</definedName>
    <definedName name="EPCCostDB_Col_Data21">[11]EPC積算履歴DB!$Q$3</definedName>
    <definedName name="EPCCostDB_Col_Data22">[11]EPC積算履歴DB!$U$3</definedName>
    <definedName name="EPCCostDB_Col_Data31">[11]EPC積算履歴DB!$Y$3</definedName>
    <definedName name="EPCCostDB_Col_Data32">[11]EPC積算履歴DB!$AC$3</definedName>
    <definedName name="EPCCostDB_Col_Data41">[11]EPC積算履歴DB!$AO$3</definedName>
    <definedName name="EPCCostDB_Col_Data51">[11]EPC積算履歴DB!$AG$3</definedName>
    <definedName name="EPCCostDB_Col_Data52">[11]EPC積算履歴DB!$AK$3</definedName>
    <definedName name="EPCCostITEMID" localSheetId="13">#REF!</definedName>
    <definedName name="EPCCostITEMID" localSheetId="4">#REF!</definedName>
    <definedName name="EPCCostITEMID">#REF!</definedName>
    <definedName name="EPCCostITEMID_BlankRow" localSheetId="13">#REF!</definedName>
    <definedName name="EPCCostITEMID_BlankRow" localSheetId="4">#REF!</definedName>
    <definedName name="EPCCostITEMID_BlankRow">#REF!</definedName>
    <definedName name="Excel_BuiltIn_Print_Area_10" localSheetId="13">#REF!</definedName>
    <definedName name="Excel_BuiltIn_Print_Area_10" localSheetId="4">#REF!</definedName>
    <definedName name="Excel_BuiltIn_Print_Area_10">#REF!</definedName>
    <definedName name="Excel_BuiltIn_Print_Area_11" localSheetId="13">#REF!</definedName>
    <definedName name="Excel_BuiltIn_Print_Area_11" localSheetId="4">#REF!</definedName>
    <definedName name="Excel_BuiltIn_Print_Area_11">#REF!</definedName>
    <definedName name="Excel_BuiltIn_Print_Area_12" localSheetId="13">#REF!</definedName>
    <definedName name="Excel_BuiltIn_Print_Area_12" localSheetId="4">#REF!</definedName>
    <definedName name="Excel_BuiltIn_Print_Area_12">#REF!</definedName>
    <definedName name="Excel_BuiltIn_Print_Area_13" localSheetId="2">#REF!</definedName>
    <definedName name="Excel_BuiltIn_Print_Area_13">様式第10号!$B$1:$F$16</definedName>
    <definedName name="Excel_BuiltIn_Print_Area_14" localSheetId="13">#REF!</definedName>
    <definedName name="Excel_BuiltIn_Print_Area_14" localSheetId="4">#REF!</definedName>
    <definedName name="Excel_BuiltIn_Print_Area_14">#REF!</definedName>
    <definedName name="Excel_BuiltIn_Print_Area_15" localSheetId="13">#REF!</definedName>
    <definedName name="Excel_BuiltIn_Print_Area_15" localSheetId="4">#REF!</definedName>
    <definedName name="Excel_BuiltIn_Print_Area_15">#REF!</definedName>
    <definedName name="Excel_BuiltIn_Print_Area_18" localSheetId="13">#REF!</definedName>
    <definedName name="Excel_BuiltIn_Print_Area_18" localSheetId="4">#REF!</definedName>
    <definedName name="Excel_BuiltIn_Print_Area_18">#REF!</definedName>
    <definedName name="Excel_BuiltIn_Print_Area_19" localSheetId="13">#REF!</definedName>
    <definedName name="Excel_BuiltIn_Print_Area_19" localSheetId="4">#REF!</definedName>
    <definedName name="Excel_BuiltIn_Print_Area_19">#REF!</definedName>
    <definedName name="Excel_BuiltIn_Print_Area_3" localSheetId="13">#REF!</definedName>
    <definedName name="Excel_BuiltIn_Print_Area_3" localSheetId="4">#REF!</definedName>
    <definedName name="Excel_BuiltIn_Print_Area_3">#REF!</definedName>
    <definedName name="Excel_BuiltIn_Print_Area_4" localSheetId="13">#REF!</definedName>
    <definedName name="Excel_BuiltIn_Print_Area_4" localSheetId="4">#REF!</definedName>
    <definedName name="Excel_BuiltIn_Print_Area_4">#REF!</definedName>
    <definedName name="Excel_BuiltIn_Print_Area_5" localSheetId="13">#REF!</definedName>
    <definedName name="Excel_BuiltIn_Print_Area_5" localSheetId="4">#REF!</definedName>
    <definedName name="Excel_BuiltIn_Print_Area_5">#REF!</definedName>
    <definedName name="Excel_BuiltIn_Print_Area_7" localSheetId="13">#REF!</definedName>
    <definedName name="Excel_BuiltIn_Print_Area_7" localSheetId="4">#REF!</definedName>
    <definedName name="Excel_BuiltIn_Print_Area_7">#REF!</definedName>
    <definedName name="Excel_BuiltIn_Print_Area_8" localSheetId="13">#REF!</definedName>
    <definedName name="Excel_BuiltIn_Print_Area_8" localSheetId="4">#REF!</definedName>
    <definedName name="Excel_BuiltIn_Print_Area_8">#REF!</definedName>
    <definedName name="Excel_BuiltIn_Print_Area_9" localSheetId="13">#REF!</definedName>
    <definedName name="Excel_BuiltIn_Print_Area_9" localSheetId="4">#REF!</definedName>
    <definedName name="Excel_BuiltIn_Print_Area_9">#REF!</definedName>
    <definedName name="_xlnm.Extract" localSheetId="13">#REF!</definedName>
    <definedName name="_xlnm.Extract" localSheetId="4">#REF!</definedName>
    <definedName name="_xlnm.Extract">#REF!</definedName>
    <definedName name="f">'[4]プラズマ用灰量計算（低質ごみ）'!$D$20</definedName>
    <definedName name="Field" localSheetId="13">#REF!</definedName>
    <definedName name="Field" localSheetId="4">#REF!</definedName>
    <definedName name="Field">#REF!</definedName>
    <definedName name="furusho" localSheetId="13">#REF!</definedName>
    <definedName name="furusho" localSheetId="4">#REF!</definedName>
    <definedName name="furusho">#REF!</definedName>
    <definedName name="g">'[4]プラズマ用灰量計算（低質ごみ）'!$D$15</definedName>
    <definedName name="Gac" localSheetId="13">#REF!</definedName>
    <definedName name="Gac" localSheetId="4">#REF!</definedName>
    <definedName name="Gac">#REF!</definedName>
    <definedName name="Gad" localSheetId="13">#REF!</definedName>
    <definedName name="Gad" localSheetId="4">#REF!</definedName>
    <definedName name="Gad">#REF!</definedName>
    <definedName name="Gadall" localSheetId="13">#REF!</definedName>
    <definedName name="Gadall" localSheetId="4">#REF!</definedName>
    <definedName name="Gadall">#REF!</definedName>
    <definedName name="Gadex" localSheetId="13">#REF!</definedName>
    <definedName name="Gadex" localSheetId="4">#REF!</definedName>
    <definedName name="Gadex">#REF!</definedName>
    <definedName name="Get_SpecField">#N/A</definedName>
    <definedName name="Gf" localSheetId="13">#REF!</definedName>
    <definedName name="Gf" localSheetId="4">#REF!</definedName>
    <definedName name="Gf">#REF!</definedName>
    <definedName name="Gfd" localSheetId="13">#REF!</definedName>
    <definedName name="Gfd" localSheetId="4">#REF!</definedName>
    <definedName name="Gfd">#REF!</definedName>
    <definedName name="Gfex" localSheetId="13">#REF!</definedName>
    <definedName name="Gfex" localSheetId="4">#REF!</definedName>
    <definedName name="Gfex">#REF!</definedName>
    <definedName name="Gmslct" localSheetId="13">#REF!</definedName>
    <definedName name="Gmslct" localSheetId="4">#REF!</definedName>
    <definedName name="Gmslct">#REF!</definedName>
    <definedName name="h">'[4]プラズマ用灰量計算（低質ごみ）'!$D$28</definedName>
    <definedName name="H_20deg_10ata_W">[10]基本定数等!$C$21</definedName>
    <definedName name="H_20deg_3ata_W">[12]基本定数等!$C$22</definedName>
    <definedName name="H_20deg_air">[10]基本定数等!$C$19</definedName>
    <definedName name="H_3">[3]設備電力!$H$52</definedName>
    <definedName name="H_4">[3]設備電力!$H$57</definedName>
    <definedName name="H_7">[3]設備電力!$H$75</definedName>
    <definedName name="heater1">[2]設備電力!$C$99</definedName>
    <definedName name="heater数量">[2]設備電力!$J$100</definedName>
    <definedName name="hL" localSheetId="13">OFFSET(#REF!,#REF!,0)</definedName>
    <definedName name="hL" localSheetId="4">OFFSET(#REF!,#REF!,0)</definedName>
    <definedName name="hL">OFFSET(#REF!,#REF!,0)</definedName>
    <definedName name="hoist1">[2]設備電力!$C$77</definedName>
    <definedName name="hoist数量">[2]設備電力!$J$78</definedName>
    <definedName name="Hyousoku" localSheetId="13">#REF!</definedName>
    <definedName name="Hyousoku" localSheetId="4">#REF!</definedName>
    <definedName name="Hyousoku">#REF!</definedName>
    <definedName name="HyousokuArea" localSheetId="13">#REF!</definedName>
    <definedName name="HyousokuArea" localSheetId="4">#REF!</definedName>
    <definedName name="HyousokuArea">#REF!</definedName>
    <definedName name="HyousokuEnd" localSheetId="13">#REF!</definedName>
    <definedName name="HyousokuEnd" localSheetId="4">#REF!</definedName>
    <definedName name="HyousokuEnd">#REF!</definedName>
    <definedName name="Hyoutou" localSheetId="13">#REF!</definedName>
    <definedName name="Hyoutou" localSheetId="4">#REF!</definedName>
    <definedName name="Hyoutou">#REF!</definedName>
    <definedName name="HyperLinkDummy_MeLink">!A1</definedName>
    <definedName name="i">'[4]プラズマ用灰量計算（低質ごみ）'!$D$28</definedName>
    <definedName name="Info_EqID" localSheetId="13">#REF!</definedName>
    <definedName name="Info_EqID" localSheetId="4">#REF!</definedName>
    <definedName name="Info_EqID">#REF!</definedName>
    <definedName name="Info_FlowID" localSheetId="13">#REF!</definedName>
    <definedName name="Info_FlowID" localSheetId="4">#REF!</definedName>
    <definedName name="Info_FlowID">#REF!</definedName>
    <definedName name="Info_SubID" localSheetId="13">#REF!</definedName>
    <definedName name="Info_SubID" localSheetId="4">#REF!</definedName>
    <definedName name="Info_SubID">#REF!</definedName>
    <definedName name="IssueRev">[13]ml管理!$P$29</definedName>
    <definedName name="ItemSectionCount">[14]ITEM区分リスト!$B$5</definedName>
    <definedName name="j">'[4]プラズマ用灰量計算（低質ごみ）'!$D$29</definedName>
    <definedName name="k">'[4]プラズマ用灰量計算（低質ごみ）'!$D$41</definedName>
    <definedName name="kan">[15]Input表!$P$29:$T$34</definedName>
    <definedName name="l">'[4]プラズマ用灰量計算（低質ごみ）'!$D$23</definedName>
    <definedName name="Lagging_fieldID" localSheetId="13">#REF!</definedName>
    <definedName name="Lagging_fieldID" localSheetId="4">#REF!</definedName>
    <definedName name="Lagging_fieldID">#REF!</definedName>
    <definedName name="LaggingCount" localSheetId="13">#REF!</definedName>
    <definedName name="LaggingCount" localSheetId="4">#REF!</definedName>
    <definedName name="LaggingCount">#REF!</definedName>
    <definedName name="LaggingITEMID" localSheetId="13">#REF!</definedName>
    <definedName name="LaggingITEMID" localSheetId="4">#REF!</definedName>
    <definedName name="LaggingITEMID">#REF!</definedName>
    <definedName name="LaggingITEMID_BlankRow" localSheetId="13">#REF!</definedName>
    <definedName name="LaggingITEMID_BlankRow" localSheetId="4">#REF!</definedName>
    <definedName name="LaggingITEMID_BlankRow">#REF!</definedName>
    <definedName name="Language">[9]Option!$F$22</definedName>
    <definedName name="Ld10a">[7]寸法計画!$H$214</definedName>
    <definedName name="Ld10b">[7]寸法計画!$H$215</definedName>
    <definedName name="Ld4a">[2]設備電力!$J$39</definedName>
    <definedName name="Ld4b">[2]設備電力!$J$40</definedName>
    <definedName name="Ld5a">[7]寸法計画!$H$186</definedName>
    <definedName name="Ld5b">[7]寸法計画!$H$187</definedName>
    <definedName name="Ld6a">[2]設備電力!$J$48</definedName>
    <definedName name="Ld6b">[2]設備電力!$J$49</definedName>
    <definedName name="Ld8a">[2]設備電力!$J$61</definedName>
    <definedName name="Ld8b">[2]設備電力!$J$62</definedName>
    <definedName name="LdB">[2]設備電力!$J$95</definedName>
    <definedName name="LdC">[2]設備電力!$J$98</definedName>
    <definedName name="Loading_Col_comment" localSheetId="13">#REF!</definedName>
    <definedName name="Loading_Col_comment" localSheetId="4">#REF!</definedName>
    <definedName name="Loading_Col_comment">#REF!</definedName>
    <definedName name="Loading_Col_loading" localSheetId="13">#REF!</definedName>
    <definedName name="Loading_Col_loading" localSheetId="4">#REF!</definedName>
    <definedName name="Loading_Col_loading">#REF!</definedName>
    <definedName name="Loading_Col_Number">[6]重量リスト!$W$12</definedName>
    <definedName name="Loading_field_comment" localSheetId="13">#REF!</definedName>
    <definedName name="Loading_field_comment" localSheetId="4">#REF!</definedName>
    <definedName name="Loading_field_comment">#REF!</definedName>
    <definedName name="Loading_field_count" localSheetId="13">#REF!</definedName>
    <definedName name="Loading_field_count" localSheetId="4">#REF!</definedName>
    <definedName name="Loading_field_count">#REF!</definedName>
    <definedName name="Loading_field_loading" localSheetId="13">#REF!</definedName>
    <definedName name="Loading_field_loading" localSheetId="4">#REF!</definedName>
    <definedName name="Loading_field_loading">#REF!</definedName>
    <definedName name="Loading_field_Num" localSheetId="13">#REF!</definedName>
    <definedName name="Loading_field_Num" localSheetId="4">#REF!</definedName>
    <definedName name="Loading_field_Num">#REF!</definedName>
    <definedName name="Loading_fieldID" localSheetId="13">#REF!</definedName>
    <definedName name="Loading_fieldID" localSheetId="4">#REF!</definedName>
    <definedName name="Loading_fieldID">#REF!</definedName>
    <definedName name="LoadingCount">[6]重量リスト!$A$11</definedName>
    <definedName name="LoadingFloor_field_comment" localSheetId="13">#REF!</definedName>
    <definedName name="LoadingFloor_field_comment" localSheetId="4">#REF!</definedName>
    <definedName name="LoadingFloor_field_comment">#REF!</definedName>
    <definedName name="LoadingFloor_field_count" localSheetId="13">#REF!</definedName>
    <definedName name="LoadingFloor_field_count" localSheetId="4">#REF!</definedName>
    <definedName name="LoadingFloor_field_count">#REF!</definedName>
    <definedName name="LoadingFloor_field_loading" localSheetId="13">#REF!</definedName>
    <definedName name="LoadingFloor_field_loading" localSheetId="4">#REF!</definedName>
    <definedName name="LoadingFloor_field_loading">#REF!</definedName>
    <definedName name="LoadingFloor_field_Num" localSheetId="13">#REF!</definedName>
    <definedName name="LoadingFloor_field_Num" localSheetId="4">#REF!</definedName>
    <definedName name="LoadingFloor_field_Num">#REF!</definedName>
    <definedName name="LoadingFloor_fieldID" localSheetId="13">#REF!</definedName>
    <definedName name="LoadingFloor_fieldID" localSheetId="4">#REF!</definedName>
    <definedName name="LoadingFloor_fieldID">#REF!</definedName>
    <definedName name="LoadingFloor_Rank">OFFSET([6]ローディングリスト!$H$1,1,0,20,1)</definedName>
    <definedName name="LoadingFloorCount" localSheetId="13">#REF!</definedName>
    <definedName name="LoadingFloorCount" localSheetId="4">#REF!</definedName>
    <definedName name="LoadingFloorCount">#REF!</definedName>
    <definedName name="LoadingFloorFloorID" localSheetId="13">#REF!</definedName>
    <definedName name="LoadingFloorFloorID" localSheetId="4">#REF!</definedName>
    <definedName name="LoadingFloorFloorID">#REF!</definedName>
    <definedName name="LoadingFloorITEMID" localSheetId="13">#REF!</definedName>
    <definedName name="LoadingFloorITEMID" localSheetId="4">#REF!</definedName>
    <definedName name="LoadingFloorITEMID">#REF!</definedName>
    <definedName name="LoadingFloorITEMID_BlankRow" localSheetId="13">#REF!</definedName>
    <definedName name="LoadingFloorITEMID_BlankRow" localSheetId="4">#REF!</definedName>
    <definedName name="LoadingFloorITEMID_BlankRow">#REF!</definedName>
    <definedName name="LoadingFloorSepaID" localSheetId="13">#REF!</definedName>
    <definedName name="LoadingFloorSepaID" localSheetId="4">#REF!</definedName>
    <definedName name="LoadingFloorSepaID">#REF!</definedName>
    <definedName name="LoadingITEMID">[6]重量リスト!$B$17</definedName>
    <definedName name="LoadingITEMID_BlankRow" localSheetId="13">#REF!</definedName>
    <definedName name="LoadingITEMID_BlankRow" localSheetId="4">#REF!</definedName>
    <definedName name="LoadingITEMID_BlankRow">#REF!</definedName>
    <definedName name="m">'[4]プラズマ用灰量計算（低質ごみ）'!$D$12</definedName>
    <definedName name="M_C">[10]基本定数等!$C$6</definedName>
    <definedName name="M_Ca">[10]基本定数等!$C$10</definedName>
    <definedName name="M_Cl">[10]基本定数等!$C$4</definedName>
    <definedName name="M_H">[10]基本定数等!$C$9</definedName>
    <definedName name="M_N">[10]基本定数等!$C$7</definedName>
    <definedName name="M_Na">[10]基本定数等!$C$11</definedName>
    <definedName name="M_O">[10]基本定数等!$C$8</definedName>
    <definedName name="M_S">[10]基本定数等!$C$5</definedName>
    <definedName name="mav" localSheetId="13">#REF!</definedName>
    <definedName name="mav" localSheetId="4">#REF!</definedName>
    <definedName name="mav">#REF!</definedName>
    <definedName name="mavex" localSheetId="13">#REF!</definedName>
    <definedName name="mavex" localSheetId="4">#REF!</definedName>
    <definedName name="mavex">#REF!</definedName>
    <definedName name="MaxIndex" localSheetId="13">#REF!</definedName>
    <definedName name="MaxIndex" localSheetId="4">#REF!</definedName>
    <definedName name="MaxIndex">#REF!</definedName>
    <definedName name="ml_basic_point">[6]rev01!$B$3</definedName>
    <definedName name="ml_Col_CONP_Parent">[6]rev01!$BC$3</definedName>
    <definedName name="ml_Col_Count">[13]rev01!$AN$3</definedName>
    <definedName name="ml_Col_name">[13]rev01!$AA$3</definedName>
    <definedName name="ml_Col_Power_V">[6]rev01!$AQ$3</definedName>
    <definedName name="ml_Col_SectionID">[6]rev01!$C$3</definedName>
    <definedName name="ml_Col_SectionParent_cost_epc">[13]rev01!$M$3</definedName>
    <definedName name="ml_Col_SectionPeak_cost_epc">[13]rev01!$K$3</definedName>
    <definedName name="ml_Col_Spec">[6]rev01!$AH$3</definedName>
    <definedName name="ml_Type_ID">[13]ml管理!$O$6</definedName>
    <definedName name="mlrev">[6]ml管理!$O$28</definedName>
    <definedName name="mlRowCount">[6]rev01!$A$1</definedName>
    <definedName name="n">'[4]プラズマ用灰量計算（低質ごみ）'!$D$24</definedName>
    <definedName name="nen" localSheetId="13">#REF!</definedName>
    <definedName name="nen" localSheetId="4">#REF!</definedName>
    <definedName name="nen">#REF!</definedName>
    <definedName name="nen_6" localSheetId="13">#REF!</definedName>
    <definedName name="nen_6" localSheetId="4">#REF!</definedName>
    <definedName name="nen_6">#REF!</definedName>
    <definedName name="No1BH">"四角形 49"</definedName>
    <definedName name="Nr" localSheetId="13">#REF!</definedName>
    <definedName name="Nr" localSheetId="4">#REF!</definedName>
    <definedName name="Nr">#REF!</definedName>
    <definedName name="Ns" localSheetId="13">#REF!</definedName>
    <definedName name="Ns" localSheetId="4">#REF!</definedName>
    <definedName name="Ns">#REF!</definedName>
    <definedName name="NTD">'[16](参考)為替レート'!$C$16</definedName>
    <definedName name="o">'[4]プラズマ用灰量計算（低質ごみ）'!$D$17</definedName>
    <definedName name="p">'[4]プラズマ用灰量計算（低質ごみ）'!$D$6</definedName>
    <definedName name="ＰＡＣ高度処理単価" localSheetId="13">[17]用役費!#REF!</definedName>
    <definedName name="ＰＡＣ高度処理単価" localSheetId="4">[17]用役費!#REF!</definedName>
    <definedName name="ＰＡＣ高度処理単価">[17]用役費!#REF!</definedName>
    <definedName name="PaneCount" localSheetId="13">#REF!</definedName>
    <definedName name="PaneCount" localSheetId="4">#REF!</definedName>
    <definedName name="PaneCount">#REF!</definedName>
    <definedName name="PanelITEMID_BlankRow" localSheetId="13">#REF!</definedName>
    <definedName name="PanelITEMID_BlankRow" localSheetId="4">#REF!</definedName>
    <definedName name="PanelITEMID_BlankRow">#REF!</definedName>
    <definedName name="PanleParentList">OFFSET([6]電気盤リスト!$C$11,0,0,5+[6]電気盤リスト!$B$14,1)</definedName>
    <definedName name="ＰＦマッド" localSheetId="13">[17]用役費!#REF!</definedName>
    <definedName name="ＰＦマッド" localSheetId="4">[17]用役費!#REF!</definedName>
    <definedName name="ＰＦマッド">[17]用役費!#REF!</definedName>
    <definedName name="ＰＦマッド単価" localSheetId="13">[17]用役費!#REF!</definedName>
    <definedName name="ＰＦマッド単価" localSheetId="4">[17]用役費!#REF!</definedName>
    <definedName name="ＰＦマッド単価">[17]用役費!#REF!</definedName>
    <definedName name="PlanID">[11]ml管理!$B$10</definedName>
    <definedName name="Power_fieldID" localSheetId="13">#REF!</definedName>
    <definedName name="Power_fieldID" localSheetId="4">#REF!</definedName>
    <definedName name="Power_fieldID">#REF!</definedName>
    <definedName name="Power_ON_Pattern" localSheetId="13">OFFSET(#REF!,0,0,1,#REF!)</definedName>
    <definedName name="Power_ON_Pattern" localSheetId="4">OFFSET(#REF!,0,0,1,#REF!)</definedName>
    <definedName name="Power_ON_Pattern">OFFSET(#REF!,0,0,1,#REF!)</definedName>
    <definedName name="PowerConsump_CaseCount">[6]消費電力リスト!$B$4</definedName>
    <definedName name="PowerConsump_DD_CaseList">OFFSET([6]消費電力リスト!$F$5,0,0,PowerConsump_CaseCount,1)</definedName>
    <definedName name="PowerCount" localSheetId="13">#REF!</definedName>
    <definedName name="PowerCount" localSheetId="4">#REF!</definedName>
    <definedName name="PowerCount">#REF!</definedName>
    <definedName name="PowerITEMID" localSheetId="13">#REF!</definedName>
    <definedName name="PowerITEMID" localSheetId="4">#REF!</definedName>
    <definedName name="PowerITEMID">#REF!</definedName>
    <definedName name="PowerITEMID_BlankRow" localSheetId="13">#REF!</definedName>
    <definedName name="PowerITEMID_BlankRow" localSheetId="4">#REF!</definedName>
    <definedName name="PowerITEMID_BlankRow">#REF!</definedName>
    <definedName name="PowerPanelList" localSheetId="13">OFFSET([6]電気盤リスト!$D$14,0,0,PowerPanelCount,1)</definedName>
    <definedName name="PowerPanelList" localSheetId="4">OFFSET([6]電気盤リスト!$D$14,0,0,PowerPanelCount,1)</definedName>
    <definedName name="PowerPanelList">OFFSET([6]電気盤リスト!$D$14,0,0,PowerPanelCount,1)</definedName>
    <definedName name="_xlnm.Print_Area" localSheetId="0">表紙!$A$1:$I$30</definedName>
    <definedName name="_xlnm.Print_Area" localSheetId="11">様式第10号!$B$1:$G$16</definedName>
    <definedName name="_xlnm.Print_Area" localSheetId="12">様式第11号!$B$1:$F$12</definedName>
    <definedName name="_xlnm.Print_Area" localSheetId="13">様式第12号!$A$1:$I$31</definedName>
    <definedName name="_xlnm.Print_Area" localSheetId="3">様式第3号!$A$1:$R$38</definedName>
    <definedName name="_xlnm.Print_Area" localSheetId="4">'様式第4号-1'!$A$1:$U$50</definedName>
    <definedName name="_xlnm.Print_Area" localSheetId="5">'様式第4号-2'!$A$1:$Z$50</definedName>
    <definedName name="_xlnm.Print_Area" localSheetId="7">様式第6号!$A$1:$C$8</definedName>
    <definedName name="_xlnm.Print_Area" localSheetId="8">様式第7号!$A$1:$I$36</definedName>
    <definedName name="_xlnm.Print_Area" localSheetId="9">様式第8号!$A$1:$Y$36</definedName>
    <definedName name="_xlnm.Print_Area">#REF!</definedName>
    <definedName name="print_Area2" localSheetId="13">#REF!</definedName>
    <definedName name="print_Area2" localSheetId="4">#REF!</definedName>
    <definedName name="print_Area2">#REF!</definedName>
    <definedName name="_xlnm.Print_Titles" localSheetId="13">#REF!</definedName>
    <definedName name="_xlnm.Print_Titles" localSheetId="4">#REF!</definedName>
    <definedName name="_xlnm.Print_Titles">#REF!</definedName>
    <definedName name="project_setup_Hz">[6]ml管理!$B$7</definedName>
    <definedName name="PropertyStrata" localSheetId="13">#REF!</definedName>
    <definedName name="PropertyStrata" localSheetId="4">#REF!</definedName>
    <definedName name="PropertyStrata">#REF!</definedName>
    <definedName name="PureWater12">[18]用役収支!$AA$234</definedName>
    <definedName name="PureWater13">[18]用役収支!$AA$235</definedName>
    <definedName name="PureWater14">[18]用役収支!$AA$236</definedName>
    <definedName name="Pw">[19]寸法!$N$188</definedName>
    <definedName name="Pwa">[19]寸法!$N$362</definedName>
    <definedName name="q">'[4]プラズマ用灰量計算（低質ごみ）'!$D$4</definedName>
    <definedName name="q_C_burn_kg_base">[10]基本定数等!$E$12</definedName>
    <definedName name="q_vapor">[10]基本定数等!$C$20</definedName>
    <definedName name="RevNo" localSheetId="13">#REF!</definedName>
    <definedName name="RevNo" localSheetId="4">#REF!</definedName>
    <definedName name="RevNo">#REF!</definedName>
    <definedName name="Rm" localSheetId="13">#REF!</definedName>
    <definedName name="Rm" localSheetId="4">#REF!</definedName>
    <definedName name="Rm">#REF!</definedName>
    <definedName name="RMB">'[16](参考)為替レート'!$C$21</definedName>
    <definedName name="Rmk" localSheetId="13">#REF!</definedName>
    <definedName name="Rmk" localSheetId="4">#REF!</definedName>
    <definedName name="Rmk">#REF!</definedName>
    <definedName name="ryo" localSheetId="13">#REF!</definedName>
    <definedName name="ryo" localSheetId="4">#REF!</definedName>
    <definedName name="ryo">#REF!</definedName>
    <definedName name="ryo_6" localSheetId="13">#REF!</definedName>
    <definedName name="ryo_6" localSheetId="4">#REF!</definedName>
    <definedName name="ryo_6">#REF!</definedName>
    <definedName name="ｓ">'[4]プラズマ用灰量計算（低質ごみ）'!$D$21</definedName>
    <definedName name="SCS_ControlPanelSheet">OFFSET([6]ml管理!$E$5,0,0,[6]ml管理!$E$4,7)</definedName>
    <definedName name="SCS_CostEPCSheet">OFFSET([6]ml管理!$E$134,0,0,[6]ml管理!$E$133,7)</definedName>
    <definedName name="SCS_ItemSectionSheet">OFFSET([6]ml管理!$E$92,0,0,[6]ml管理!$E$91,7)</definedName>
    <definedName name="SCS_LaggingSheet">OFFSET([6]ml管理!$E$153,0,0,[6]ml管理!$E$152,7)</definedName>
    <definedName name="SCS_LoadingFloorSheet">OFFSET([6]ml管理!$E$171,0,0,[6]ml管理!$E$170,7)</definedName>
    <definedName name="SCS_LoadingSheet">OFFSET([6]ml管理!$E$39,0,0,[6]ml管理!$E$38,7)</definedName>
    <definedName name="SCS_PowerConsumptionListSheet">OFFSET([6]ml管理!$E$193,0,0,[6]ml管理!$E$192,7)</definedName>
    <definedName name="SCS_PowerListSheet">OFFSET([6]ml管理!$E$22,0,0,[6]ml管理!$E$21,7)</definedName>
    <definedName name="shaker">[2]設備電力!$C$74</definedName>
    <definedName name="shaker出力">[2]設備電力!$J$76</definedName>
    <definedName name="shaker数量">[2]設備電力!$J$75</definedName>
    <definedName name="SheetsFieldRow">OFFSET([6]ml管理!$B$24,0,0,[6]ml管理!$B$23,2)</definedName>
    <definedName name="silo1">[2]寸法計画と薬剤使用量!$B$120</definedName>
    <definedName name="slurry">[2]設備電力!$C$28</definedName>
    <definedName name="SlurryFeeder数量">[2]設備電力!$J$32</definedName>
    <definedName name="ｓｓｓ">[20]研究設備BG!$A$1:$B$181</definedName>
    <definedName name="stirrer1">[2]設備電力!$C$93</definedName>
    <definedName name="stirrer数量">[2]設備電力!$J$94</definedName>
    <definedName name="t">'[4]プラズマ用灰量計算（低質ごみ）'!$D$22</definedName>
    <definedName name="Table" localSheetId="13">#REF!</definedName>
    <definedName name="Table" localSheetId="4">#REF!</definedName>
    <definedName name="Table">#REF!</definedName>
    <definedName name="TENP8" localSheetId="13">#REF!</definedName>
    <definedName name="TENP8" localSheetId="4">#REF!</definedName>
    <definedName name="TENP8">#REF!</definedName>
    <definedName name="TENP9" localSheetId="13">#REF!</definedName>
    <definedName name="TENP9" localSheetId="4">#REF!</definedName>
    <definedName name="TENP9">#REF!</definedName>
    <definedName name="Title" localSheetId="13">#REF!</definedName>
    <definedName name="Title" localSheetId="4">#REF!</definedName>
    <definedName name="Title">#REF!</definedName>
    <definedName name="TitleEnglish" localSheetId="13">#REF!</definedName>
    <definedName name="TitleEnglish" localSheetId="4">#REF!</definedName>
    <definedName name="TitleEnglish">#REF!</definedName>
    <definedName name="Tr" localSheetId="13">#REF!</definedName>
    <definedName name="Tr" localSheetId="4">#REF!</definedName>
    <definedName name="Tr">#REF!</definedName>
    <definedName name="Ts" localSheetId="13">#REF!</definedName>
    <definedName name="Ts" localSheetId="4">#REF!</definedName>
    <definedName name="Ts">#REF!</definedName>
    <definedName name="u">'[4]プラズマ用灰量計算（低質ごみ）'!$D$7</definedName>
    <definedName name="UnitCurrency">[9]Option!$F$30</definedName>
    <definedName name="UpDataToIndex" localSheetId="13">#REF!</definedName>
    <definedName name="UpDataToIndex" localSheetId="4">#REF!</definedName>
    <definedName name="UpDataToIndex">#REF!</definedName>
    <definedName name="v">'[4]プラズマ用灰量計算（低質ごみ）'!$D$5</definedName>
    <definedName name="VN">[10]基本定数等!$C$2</definedName>
    <definedName name="w">'[4]プラズマ用灰量計算（低質ごみ）'!$D$16</definedName>
    <definedName name="Wex" localSheetId="13">#REF!</definedName>
    <definedName name="Wex" localSheetId="4">#REF!</definedName>
    <definedName name="Wex">#REF!</definedName>
    <definedName name="Wfex" localSheetId="13">#REF!</definedName>
    <definedName name="Wfex" localSheetId="4">#REF!</definedName>
    <definedName name="Wfex">#REF!</definedName>
    <definedName name="x">'[4]プラズマ用灰量計算（低質ごみ）'!$D$42</definedName>
    <definedName name="YOUSIKI_ItemSelect_Col" localSheetId="13">#REF!</definedName>
    <definedName name="YOUSIKI_ItemSelect_Col" localSheetId="4">#REF!</definedName>
    <definedName name="YOUSIKI_ItemSelect_Col">#REF!</definedName>
    <definedName name="あ" localSheetId="13">#REF!</definedName>
    <definedName name="あ" localSheetId="4">#REF!</definedName>
    <definedName name="あ">#REF!</definedName>
    <definedName name="ああ" localSheetId="13">#REF!</definedName>
    <definedName name="ああ" localSheetId="4">#REF!</definedName>
    <definedName name="ああ">#REF!</definedName>
    <definedName name="あああ">OFFSET([6]消費電力リスト!$F$5,0,0,PowerConsump_CaseCount,1)</definedName>
    <definedName name="あい" localSheetId="13">#REF!</definedName>
    <definedName name="あい" localSheetId="4">#REF!</definedName>
    <definedName name="あい">#REF!</definedName>
    <definedName name="あう" localSheetId="13">#REF!</definedName>
    <definedName name="あう" localSheetId="4">#REF!</definedName>
    <definedName name="あう">#REF!</definedName>
    <definedName name="あえ" localSheetId="13">#REF!</definedName>
    <definedName name="あえ" localSheetId="4">#REF!</definedName>
    <definedName name="あえ">#REF!</definedName>
    <definedName name="あお" localSheetId="13">#REF!</definedName>
    <definedName name="あお" localSheetId="4">#REF!</definedName>
    <definedName name="あお">#REF!</definedName>
    <definedName name="あか" localSheetId="13">#REF!</definedName>
    <definedName name="あか" localSheetId="4">#REF!</definedName>
    <definedName name="あか">#REF!</definedName>
    <definedName name="あき" localSheetId="13">#REF!</definedName>
    <definedName name="あき" localSheetId="4">#REF!</definedName>
    <definedName name="あき">#REF!</definedName>
    <definedName name="あく" localSheetId="13">#REF!</definedName>
    <definedName name="あく" localSheetId="4">#REF!</definedName>
    <definedName name="あく">#REF!</definedName>
    <definedName name="あけ" localSheetId="13">#REF!</definedName>
    <definedName name="あけ" localSheetId="4">#REF!</definedName>
    <definedName name="あけ">#REF!</definedName>
    <definedName name="あこ" localSheetId="13">#REF!</definedName>
    <definedName name="あこ" localSheetId="4">#REF!</definedName>
    <definedName name="あこ">#REF!</definedName>
    <definedName name="あさ" localSheetId="13">#REF!</definedName>
    <definedName name="あさ" localSheetId="4">#REF!</definedName>
    <definedName name="あさ">#REF!</definedName>
    <definedName name="あし" localSheetId="13">#REF!</definedName>
    <definedName name="あし" localSheetId="4">#REF!</definedName>
    <definedName name="あし">#REF!</definedName>
    <definedName name="あす" localSheetId="13">#REF!</definedName>
    <definedName name="あす" localSheetId="4">#REF!</definedName>
    <definedName name="あす">#REF!</definedName>
    <definedName name="あせ" localSheetId="13">#REF!</definedName>
    <definedName name="あせ" localSheetId="4">#REF!</definedName>
    <definedName name="あせ">#REF!</definedName>
    <definedName name="あそ" localSheetId="13">#REF!</definedName>
    <definedName name="あそ" localSheetId="4">#REF!</definedName>
    <definedName name="あそ">#REF!</definedName>
    <definedName name="あた" localSheetId="13">#REF!</definedName>
    <definedName name="あた" localSheetId="4">#REF!</definedName>
    <definedName name="あた">#REF!</definedName>
    <definedName name="あち" localSheetId="13">#REF!</definedName>
    <definedName name="あち" localSheetId="4">#REF!</definedName>
    <definedName name="あち">#REF!</definedName>
    <definedName name="あつ" localSheetId="13">#REF!</definedName>
    <definedName name="あつ" localSheetId="4">#REF!</definedName>
    <definedName name="あつ">#REF!</definedName>
    <definedName name="あて" localSheetId="13">#REF!</definedName>
    <definedName name="あて" localSheetId="4">#REF!</definedName>
    <definedName name="あて">#REF!</definedName>
    <definedName name="あと" localSheetId="13">#REF!</definedName>
    <definedName name="あと" localSheetId="4">#REF!</definedName>
    <definedName name="あと">#REF!</definedName>
    <definedName name="あな" localSheetId="13">#REF!</definedName>
    <definedName name="あな" localSheetId="4">#REF!</definedName>
    <definedName name="あな">#REF!</definedName>
    <definedName name="あに" localSheetId="13">#REF!</definedName>
    <definedName name="あに" localSheetId="4">#REF!</definedName>
    <definedName name="あに">#REF!</definedName>
    <definedName name="あぬ" localSheetId="13">#REF!</definedName>
    <definedName name="あぬ" localSheetId="4">#REF!</definedName>
    <definedName name="あぬ">#REF!</definedName>
    <definedName name="あね" localSheetId="13">#REF!</definedName>
    <definedName name="あね" localSheetId="4">#REF!</definedName>
    <definedName name="あね">#REF!</definedName>
    <definedName name="あの" localSheetId="13">#REF!</definedName>
    <definedName name="あの" localSheetId="4">#REF!</definedName>
    <definedName name="あの">#REF!</definedName>
    <definedName name="あは" localSheetId="13">#REF!</definedName>
    <definedName name="あは" localSheetId="4">#REF!</definedName>
    <definedName name="あは">#REF!</definedName>
    <definedName name="あひ" localSheetId="13">#REF!</definedName>
    <definedName name="あひ" localSheetId="4">#REF!</definedName>
    <definedName name="あひ">#REF!</definedName>
    <definedName name="あふ" localSheetId="13">#REF!</definedName>
    <definedName name="あふ" localSheetId="4">#REF!</definedName>
    <definedName name="あふ">#REF!</definedName>
    <definedName name="あへ" localSheetId="13">#REF!</definedName>
    <definedName name="あへ" localSheetId="4">#REF!</definedName>
    <definedName name="あへ">#REF!</definedName>
    <definedName name="あほ" localSheetId="13">#REF!</definedName>
    <definedName name="あほ" localSheetId="4">#REF!</definedName>
    <definedName name="あほ">#REF!</definedName>
    <definedName name="あま" localSheetId="13">#REF!</definedName>
    <definedName name="あま" localSheetId="4">#REF!</definedName>
    <definedName name="あま">#REF!</definedName>
    <definedName name="あみ" localSheetId="13">#REF!</definedName>
    <definedName name="あみ" localSheetId="4">#REF!</definedName>
    <definedName name="あみ">#REF!</definedName>
    <definedName name="あむ" localSheetId="13">#REF!</definedName>
    <definedName name="あむ" localSheetId="4">#REF!</definedName>
    <definedName name="あむ">#REF!</definedName>
    <definedName name="あめ" localSheetId="13">#REF!</definedName>
    <definedName name="あめ" localSheetId="4">#REF!</definedName>
    <definedName name="あめ">#REF!</definedName>
    <definedName name="あも" localSheetId="13">#REF!</definedName>
    <definedName name="あも" localSheetId="4">#REF!</definedName>
    <definedName name="あも">#REF!</definedName>
    <definedName name="あや" localSheetId="13">#REF!</definedName>
    <definedName name="あや" localSheetId="4">#REF!</definedName>
    <definedName name="あや">#REF!</definedName>
    <definedName name="あゆ" localSheetId="13">#REF!</definedName>
    <definedName name="あゆ" localSheetId="4">#REF!</definedName>
    <definedName name="あゆ">#REF!</definedName>
    <definedName name="あよ" localSheetId="13">#REF!</definedName>
    <definedName name="あよ" localSheetId="4">#REF!</definedName>
    <definedName name="あよ">#REF!</definedName>
    <definedName name="あわ" localSheetId="13">#REF!</definedName>
    <definedName name="あわ" localSheetId="4">#REF!</definedName>
    <definedName name="あわ">#REF!</definedName>
    <definedName name="あん" localSheetId="13">#REF!</definedName>
    <definedName name="あん" localSheetId="4">#REF!</definedName>
    <definedName name="あん">#REF!</definedName>
    <definedName name="い" localSheetId="13">#REF!</definedName>
    <definedName name="い" localSheetId="4">#REF!</definedName>
    <definedName name="い">#REF!</definedName>
    <definedName name="いい" localSheetId="13">#REF!</definedName>
    <definedName name="いい" localSheetId="4">#REF!</definedName>
    <definedName name="いい">#REF!</definedName>
    <definedName name="いう" localSheetId="13">#REF!</definedName>
    <definedName name="いう" localSheetId="4">#REF!</definedName>
    <definedName name="いう">#REF!</definedName>
    <definedName name="いえ" localSheetId="13">#REF!</definedName>
    <definedName name="いえ" localSheetId="4">#REF!</definedName>
    <definedName name="いえ">#REF!</definedName>
    <definedName name="いお" localSheetId="13">#REF!</definedName>
    <definedName name="いお" localSheetId="4">#REF!</definedName>
    <definedName name="いお">#REF!</definedName>
    <definedName name="いか" localSheetId="13">#REF!</definedName>
    <definedName name="いか" localSheetId="4">#REF!</definedName>
    <definedName name="いか">#REF!</definedName>
    <definedName name="いき" localSheetId="13">#REF!</definedName>
    <definedName name="いき" localSheetId="4">#REF!</definedName>
    <definedName name="いき">#REF!</definedName>
    <definedName name="いく" localSheetId="13">#REF!</definedName>
    <definedName name="いく" localSheetId="4">#REF!</definedName>
    <definedName name="いく">#REF!</definedName>
    <definedName name="いけ" localSheetId="13">#REF!</definedName>
    <definedName name="いけ" localSheetId="4">#REF!</definedName>
    <definedName name="いけ">#REF!</definedName>
    <definedName name="いこ" localSheetId="13">#REF!</definedName>
    <definedName name="いこ" localSheetId="4">#REF!</definedName>
    <definedName name="いこ">#REF!</definedName>
    <definedName name="いさ" localSheetId="13">#REF!</definedName>
    <definedName name="いさ" localSheetId="4">#REF!</definedName>
    <definedName name="いさ">#REF!</definedName>
    <definedName name="いし" localSheetId="13">#REF!</definedName>
    <definedName name="いし" localSheetId="4">#REF!</definedName>
    <definedName name="いし">#REF!</definedName>
    <definedName name="いす" localSheetId="13">#REF!</definedName>
    <definedName name="いす" localSheetId="4">#REF!</definedName>
    <definedName name="いす">#REF!</definedName>
    <definedName name="いせ" localSheetId="13">#REF!</definedName>
    <definedName name="いせ" localSheetId="4">#REF!</definedName>
    <definedName name="いせ">#REF!</definedName>
    <definedName name="いそ" localSheetId="13">#REF!</definedName>
    <definedName name="いそ" localSheetId="4">#REF!</definedName>
    <definedName name="いそ">#REF!</definedName>
    <definedName name="いた" localSheetId="13">#REF!</definedName>
    <definedName name="いた" localSheetId="4">#REF!</definedName>
    <definedName name="いた">#REF!</definedName>
    <definedName name="いち" localSheetId="13">#REF!</definedName>
    <definedName name="いち" localSheetId="4">#REF!</definedName>
    <definedName name="いち">#REF!</definedName>
    <definedName name="いつ" localSheetId="13">#REF!</definedName>
    <definedName name="いつ" localSheetId="4">#REF!</definedName>
    <definedName name="いつ">#REF!</definedName>
    <definedName name="いて" localSheetId="13">#REF!</definedName>
    <definedName name="いて" localSheetId="4">#REF!</definedName>
    <definedName name="いて">#REF!</definedName>
    <definedName name="いと" localSheetId="13">#REF!</definedName>
    <definedName name="いと" localSheetId="4">#REF!</definedName>
    <definedName name="いと">#REF!</definedName>
    <definedName name="いな" localSheetId="13">#REF!</definedName>
    <definedName name="いな" localSheetId="4">#REF!</definedName>
    <definedName name="いな">#REF!</definedName>
    <definedName name="いに" localSheetId="13">#REF!</definedName>
    <definedName name="いに" localSheetId="4">#REF!</definedName>
    <definedName name="いに">#REF!</definedName>
    <definedName name="いぬ" localSheetId="13">#REF!</definedName>
    <definedName name="いぬ" localSheetId="4">#REF!</definedName>
    <definedName name="いぬ">#REF!</definedName>
    <definedName name="いね" localSheetId="13">#REF!</definedName>
    <definedName name="いね" localSheetId="4">#REF!</definedName>
    <definedName name="いね">#REF!</definedName>
    <definedName name="いの" localSheetId="13">#REF!</definedName>
    <definedName name="いの" localSheetId="4">#REF!</definedName>
    <definedName name="いの">#REF!</definedName>
    <definedName name="いは" localSheetId="13">#REF!</definedName>
    <definedName name="いは" localSheetId="4">#REF!</definedName>
    <definedName name="いは">#REF!</definedName>
    <definedName name="いひ" localSheetId="13">#REF!</definedName>
    <definedName name="いひ" localSheetId="4">#REF!</definedName>
    <definedName name="いひ">#REF!</definedName>
    <definedName name="いひ３" localSheetId="13">#REF!</definedName>
    <definedName name="いひ３" localSheetId="4">#REF!</definedName>
    <definedName name="いひ３">#REF!</definedName>
    <definedName name="いふ" localSheetId="13">#REF!</definedName>
    <definedName name="いふ" localSheetId="4">#REF!</definedName>
    <definedName name="いふ">#REF!</definedName>
    <definedName name="いふふ" localSheetId="13">#REF!</definedName>
    <definedName name="いふふ" localSheetId="4">#REF!</definedName>
    <definedName name="いふふ">#REF!</definedName>
    <definedName name="いふふ３" localSheetId="13">#REF!</definedName>
    <definedName name="いふふ３" localSheetId="4">#REF!</definedName>
    <definedName name="いふふ３">#REF!</definedName>
    <definedName name="いへ" localSheetId="13">#REF!</definedName>
    <definedName name="いへ" localSheetId="4">#REF!</definedName>
    <definedName name="いへ">#REF!</definedName>
    <definedName name="いほ" localSheetId="13">#REF!</definedName>
    <definedName name="いほ" localSheetId="4">#REF!</definedName>
    <definedName name="いほ">#REF!</definedName>
    <definedName name="いま" localSheetId="13">#REF!</definedName>
    <definedName name="いま" localSheetId="4">#REF!</definedName>
    <definedName name="いま">#REF!</definedName>
    <definedName name="いみ" localSheetId="13">#REF!</definedName>
    <definedName name="いみ" localSheetId="4">#REF!</definedName>
    <definedName name="いみ">#REF!</definedName>
    <definedName name="いむ" localSheetId="13">#REF!</definedName>
    <definedName name="いむ" localSheetId="4">#REF!</definedName>
    <definedName name="いむ">#REF!</definedName>
    <definedName name="いめ" localSheetId="13">#REF!</definedName>
    <definedName name="いめ" localSheetId="4">#REF!</definedName>
    <definedName name="いめ">#REF!</definedName>
    <definedName name="いも" localSheetId="13">#REF!</definedName>
    <definedName name="いも" localSheetId="4">#REF!</definedName>
    <definedName name="いも">#REF!</definedName>
    <definedName name="いや" localSheetId="13">#REF!</definedName>
    <definedName name="いや" localSheetId="4">#REF!</definedName>
    <definedName name="いや">#REF!</definedName>
    <definedName name="いゆ" localSheetId="13">#REF!</definedName>
    <definedName name="いゆ" localSheetId="4">#REF!</definedName>
    <definedName name="いゆ">#REF!</definedName>
    <definedName name="いよ" localSheetId="13">#REF!</definedName>
    <definedName name="いよ" localSheetId="4">#REF!</definedName>
    <definedName name="いよ">#REF!</definedName>
    <definedName name="いん" localSheetId="13">#REF!</definedName>
    <definedName name="いん" localSheetId="4">#REF!</definedName>
    <definedName name="いん">#REF!</definedName>
    <definedName name="う" localSheetId="13">#REF!</definedName>
    <definedName name="う" localSheetId="4">#REF!</definedName>
    <definedName name="う">#REF!</definedName>
    <definedName name="うう" localSheetId="13">#REF!</definedName>
    <definedName name="うう" localSheetId="4">#REF!</definedName>
    <definedName name="うう">#REF!</definedName>
    <definedName name="え" localSheetId="13">#REF!</definedName>
    <definedName name="え" localSheetId="4">#REF!</definedName>
    <definedName name="え">#REF!</definedName>
    <definedName name="ええ" localSheetId="13">#REF!</definedName>
    <definedName name="ええ" localSheetId="4">#REF!</definedName>
    <definedName name="ええ">#REF!</definedName>
    <definedName name="エージェントフィー" localSheetId="13">#REF!</definedName>
    <definedName name="エージェントフィー" localSheetId="4">#REF!</definedName>
    <definedName name="エージェントフィー">#REF!</definedName>
    <definedName name="エンジ">[21]研究設備BG!$A$1:$B$181</definedName>
    <definedName name="お" localSheetId="13">#REF!</definedName>
    <definedName name="お" localSheetId="4">#REF!</definedName>
    <definedName name="お">#REF!</definedName>
    <definedName name="おお" localSheetId="13">#REF!</definedName>
    <definedName name="おお" localSheetId="4">#REF!</definedName>
    <definedName name="おお">#REF!</definedName>
    <definedName name="か" localSheetId="13">#REF!</definedName>
    <definedName name="か" localSheetId="4">#REF!</definedName>
    <definedName name="か">#REF!</definedName>
    <definedName name="かか" localSheetId="13">#REF!</definedName>
    <definedName name="かか" localSheetId="4">#REF!</definedName>
    <definedName name="かか">#REF!</definedName>
    <definedName name="き" localSheetId="13">#REF!</definedName>
    <definedName name="き" localSheetId="4">#REF!</definedName>
    <definedName name="き">#REF!</definedName>
    <definedName name="きき" localSheetId="13">#REF!</definedName>
    <definedName name="きき" localSheetId="4">#REF!</definedName>
    <definedName name="きき">#REF!</definedName>
    <definedName name="く" localSheetId="13">#REF!</definedName>
    <definedName name="く" localSheetId="4">#REF!</definedName>
    <definedName name="く">#REF!</definedName>
    <definedName name="くく" localSheetId="13">#REF!</definedName>
    <definedName name="くく" localSheetId="4">#REF!</definedName>
    <definedName name="くく">#REF!</definedName>
    <definedName name="け" localSheetId="13">#REF!</definedName>
    <definedName name="け" localSheetId="4">#REF!</definedName>
    <definedName name="け">#REF!</definedName>
    <definedName name="けけ" localSheetId="13">#REF!</definedName>
    <definedName name="けけ" localSheetId="4">#REF!</definedName>
    <definedName name="けけ">#REF!</definedName>
    <definedName name="こ" localSheetId="13">#REF!</definedName>
    <definedName name="こ" localSheetId="4">#REF!</definedName>
    <definedName name="こ">#REF!</definedName>
    <definedName name="ここ" localSheetId="13">#REF!</definedName>
    <definedName name="ここ" localSheetId="4">#REF!</definedName>
    <definedName name="ここ">#REF!</definedName>
    <definedName name="ごみ搬入量">'[22]搬入量予測（市算出）'!$A$3:$F$5</definedName>
    <definedName name="コンプレッサ">[3]設備電力!$B$2</definedName>
    <definedName name="コンプレッサ常用数量">[3]設備電力!$H$4</definedName>
    <definedName name="コンベヤ">[3]設備電力!$B$62</definedName>
    <definedName name="コンベヤヒータ">[3]設備電力!$B$71</definedName>
    <definedName name="コンベヤヒータ数量">[3]設備電力!$H$72</definedName>
    <definedName name="コンベヤ形式">[3]設備電力!$H$63</definedName>
    <definedName name="コンベヤ数量">[3]設備電力!$H$64</definedName>
    <definedName name="さ" localSheetId="13">#REF!</definedName>
    <definedName name="さ" localSheetId="4">#REF!</definedName>
    <definedName name="さ">#REF!</definedName>
    <definedName name="ささ" localSheetId="13">#REF!</definedName>
    <definedName name="ささ" localSheetId="4">#REF!</definedName>
    <definedName name="ささ">#REF!</definedName>
    <definedName name="し" localSheetId="13">#REF!</definedName>
    <definedName name="し" localSheetId="4">#REF!</definedName>
    <definedName name="し">#REF!</definedName>
    <definedName name="しし" localSheetId="13">#REF!</definedName>
    <definedName name="しし" localSheetId="4">#REF!</definedName>
    <definedName name="しし">#REF!</definedName>
    <definedName name="シリンダ">[3]設備電力!$B$79</definedName>
    <definedName name="シリンダ数量">[3]設備電力!$H$80</definedName>
    <definedName name="す" localSheetId="13">#REF!</definedName>
    <definedName name="す" localSheetId="4">#REF!</definedName>
    <definedName name="す">#REF!</definedName>
    <definedName name="すす" localSheetId="13">#REF!</definedName>
    <definedName name="すす" localSheetId="4">#REF!</definedName>
    <definedName name="すす">#REF!</definedName>
    <definedName name="スラグ売却売上高" localSheetId="13">#REF!</definedName>
    <definedName name="スラグ売却売上高" localSheetId="4">#REF!</definedName>
    <definedName name="スラグ売却売上高">#REF!</definedName>
    <definedName name="せ" localSheetId="13">#REF!</definedName>
    <definedName name="せ" localSheetId="4">#REF!</definedName>
    <definedName name="せ">#REF!</definedName>
    <definedName name="せせ" localSheetId="13">#REF!</definedName>
    <definedName name="せせ" localSheetId="4">#REF!</definedName>
    <definedName name="せせ">#REF!</definedName>
    <definedName name="そ" localSheetId="13">#REF!</definedName>
    <definedName name="そ" localSheetId="4">#REF!</definedName>
    <definedName name="そ">#REF!</definedName>
    <definedName name="そそ" localSheetId="13">#REF!</definedName>
    <definedName name="そそ" localSheetId="4">#REF!</definedName>
    <definedName name="そそ">#REF!</definedName>
    <definedName name="た" localSheetId="13">#REF!</definedName>
    <definedName name="た" localSheetId="4">#REF!</definedName>
    <definedName name="た">#REF!</definedName>
    <definedName name="たた" localSheetId="13">#REF!</definedName>
    <definedName name="たた" localSheetId="4">#REF!</definedName>
    <definedName name="たた">#REF!</definedName>
    <definedName name="ち" localSheetId="13">#REF!</definedName>
    <definedName name="ち" localSheetId="4">#REF!</definedName>
    <definedName name="ち">#REF!</definedName>
    <definedName name="ちち" localSheetId="13">#REF!</definedName>
    <definedName name="ちち" localSheetId="4">#REF!</definedName>
    <definedName name="ちち">#REF!</definedName>
    <definedName name="つ" localSheetId="13">#REF!</definedName>
    <definedName name="つ" localSheetId="4">#REF!</definedName>
    <definedName name="つ">#REF!</definedName>
    <definedName name="つつ" localSheetId="13">#REF!</definedName>
    <definedName name="つつ" localSheetId="4">#REF!</definedName>
    <definedName name="つつ">#REF!</definedName>
    <definedName name="て" localSheetId="13">#REF!</definedName>
    <definedName name="て" localSheetId="4">#REF!</definedName>
    <definedName name="て">#REF!</definedName>
    <definedName name="データ" localSheetId="13">#REF!</definedName>
    <definedName name="データ" localSheetId="4">#REF!</definedName>
    <definedName name="データ">#REF!</definedName>
    <definedName name="てて" localSheetId="13">#REF!</definedName>
    <definedName name="てて" localSheetId="4">#REF!</definedName>
    <definedName name="てて">#REF!</definedName>
    <definedName name="と" localSheetId="13">#REF!</definedName>
    <definedName name="と" localSheetId="4">#REF!</definedName>
    <definedName name="と">#REF!</definedName>
    <definedName name="とと" localSheetId="13">#REF!</definedName>
    <definedName name="とと" localSheetId="4">#REF!</definedName>
    <definedName name="とと">#REF!</definedName>
    <definedName name="ドレントラップ出力">[2]設備電力!$J$22</definedName>
    <definedName name="な" localSheetId="13">#REF!</definedName>
    <definedName name="な" localSheetId="4">#REF!</definedName>
    <definedName name="な">#REF!</definedName>
    <definedName name="なな" localSheetId="13">#REF!</definedName>
    <definedName name="なな" localSheetId="4">#REF!</definedName>
    <definedName name="なな">#REF!</definedName>
    <definedName name="に" localSheetId="13">#REF!</definedName>
    <definedName name="に" localSheetId="4">#REF!</definedName>
    <definedName name="に">#REF!</definedName>
    <definedName name="にに" localSheetId="13">#REF!</definedName>
    <definedName name="にに" localSheetId="4">#REF!</definedName>
    <definedName name="にに">#REF!</definedName>
    <definedName name="ぬ" localSheetId="13">#REF!</definedName>
    <definedName name="ぬ" localSheetId="4">#REF!</definedName>
    <definedName name="ぬ">#REF!</definedName>
    <definedName name="ぬぬ" localSheetId="13">#REF!</definedName>
    <definedName name="ぬぬ" localSheetId="4">#REF!</definedName>
    <definedName name="ぬぬ">#REF!</definedName>
    <definedName name="ね" localSheetId="13">#REF!</definedName>
    <definedName name="ね" localSheetId="4">#REF!</definedName>
    <definedName name="ね">#REF!</definedName>
    <definedName name="ねね" localSheetId="13">#REF!</definedName>
    <definedName name="ねね" localSheetId="4">#REF!</definedName>
    <definedName name="ねね">#REF!</definedName>
    <definedName name="の" localSheetId="13">#REF!</definedName>
    <definedName name="の" localSheetId="4">#REF!</definedName>
    <definedName name="の">#REF!</definedName>
    <definedName name="のの" localSheetId="13">#REF!</definedName>
    <definedName name="のの" localSheetId="4">#REF!</definedName>
    <definedName name="のの">#REF!</definedName>
    <definedName name="ののの" localSheetId="13">#REF!</definedName>
    <definedName name="ののの" localSheetId="4">#REF!</definedName>
    <definedName name="ののの">#REF!</definedName>
    <definedName name="は" localSheetId="13">#REF!</definedName>
    <definedName name="は" localSheetId="4">#REF!</definedName>
    <definedName name="は">#REF!</definedName>
    <definedName name="バイブレータ">[3]設備電力!$B$58</definedName>
    <definedName name="バイブレータ数量">[3]設備電力!$H$59</definedName>
    <definedName name="はは" localSheetId="13">#REF!</definedName>
    <definedName name="はは" localSheetId="4">#REF!</definedName>
    <definedName name="はは">#REF!</definedName>
    <definedName name="バブコック日立" localSheetId="13">#REF!</definedName>
    <definedName name="バブコック日立" localSheetId="4">#REF!</definedName>
    <definedName name="バブコック日立">#REF!</definedName>
    <definedName name="ひ" localSheetId="13">#REF!</definedName>
    <definedName name="ひ" localSheetId="4">#REF!</definedName>
    <definedName name="ひ">#REF!</definedName>
    <definedName name="ひひ" localSheetId="13">#REF!</definedName>
    <definedName name="ひひ" localSheetId="4">#REF!</definedName>
    <definedName name="ひひ">#REF!</definedName>
    <definedName name="ふ" localSheetId="13">#REF!</definedName>
    <definedName name="ふ" localSheetId="4">#REF!</definedName>
    <definedName name="ふ">#REF!</definedName>
    <definedName name="ファン">[3]設備電力!$B$27</definedName>
    <definedName name="ファン数量">[3]設備電力!$H$29</definedName>
    <definedName name="ふふ" localSheetId="13">#REF!</definedName>
    <definedName name="ふふ" localSheetId="4">#REF!</definedName>
    <definedName name="ふふ">#REF!</definedName>
    <definedName name="へ" localSheetId="13">#REF!</definedName>
    <definedName name="へ" localSheetId="4">#REF!</definedName>
    <definedName name="へ">#REF!</definedName>
    <definedName name="ベビコン1">[2]設備電力!$C$6</definedName>
    <definedName name="へへ" localSheetId="13">#REF!</definedName>
    <definedName name="へへ" localSheetId="4">#REF!</definedName>
    <definedName name="へへ">#REF!</definedName>
    <definedName name="ほ" localSheetId="13">#REF!</definedName>
    <definedName name="ほ" localSheetId="4">#REF!</definedName>
    <definedName name="ほ">#REF!</definedName>
    <definedName name="ホッパヒータ">[3]設備電力!$B$53</definedName>
    <definedName name="ホッパヒータ数量">[3]設備電力!$H$54</definedName>
    <definedName name="ほほ" localSheetId="13">#REF!</definedName>
    <definedName name="ほほ" localSheetId="4">#REF!</definedName>
    <definedName name="ほほ">#REF!</definedName>
    <definedName name="ま" localSheetId="13">#REF!</definedName>
    <definedName name="ま" localSheetId="4">#REF!</definedName>
    <definedName name="ま">#REF!</definedName>
    <definedName name="まま" localSheetId="13">#REF!</definedName>
    <definedName name="まま" localSheetId="4">#REF!</definedName>
    <definedName name="まま">#REF!</definedName>
    <definedName name="み" localSheetId="13">#REF!</definedName>
    <definedName name="み" localSheetId="4">#REF!</definedName>
    <definedName name="み">#REF!</definedName>
    <definedName name="みみ" localSheetId="13">#REF!</definedName>
    <definedName name="みみ" localSheetId="4">#REF!</definedName>
    <definedName name="みみ">#REF!</definedName>
    <definedName name="む" localSheetId="13">#REF!</definedName>
    <definedName name="む" localSheetId="4">#REF!</definedName>
    <definedName name="む">#REF!</definedName>
    <definedName name="むむ" localSheetId="13">#REF!</definedName>
    <definedName name="むむ" localSheetId="4">#REF!</definedName>
    <definedName name="むむ">#REF!</definedName>
    <definedName name="め" localSheetId="13">#REF!</definedName>
    <definedName name="め" localSheetId="4">#REF!</definedName>
    <definedName name="め">#REF!</definedName>
    <definedName name="メタル売却売上高" localSheetId="13">#REF!</definedName>
    <definedName name="メタル売却売上高" localSheetId="4">#REF!</definedName>
    <definedName name="メタル売却売上高">#REF!</definedName>
    <definedName name="めめ" localSheetId="13">#REF!</definedName>
    <definedName name="めめ" localSheetId="4">#REF!</definedName>
    <definedName name="めめ">#REF!</definedName>
    <definedName name="も" localSheetId="13">#REF!</definedName>
    <definedName name="も" localSheetId="4">#REF!</definedName>
    <definedName name="も">#REF!</definedName>
    <definedName name="もも" localSheetId="13">#REF!</definedName>
    <definedName name="もも" localSheetId="4">#REF!</definedName>
    <definedName name="もも">#REF!</definedName>
    <definedName name="や" localSheetId="13">#REF!</definedName>
    <definedName name="や" localSheetId="4">#REF!</definedName>
    <definedName name="や">#REF!</definedName>
    <definedName name="やや" localSheetId="13">#REF!</definedName>
    <definedName name="やや" localSheetId="4">#REF!</definedName>
    <definedName name="やや">#REF!</definedName>
    <definedName name="ゆ" localSheetId="13">#REF!</definedName>
    <definedName name="ゆ" localSheetId="4">#REF!</definedName>
    <definedName name="ゆ">#REF!</definedName>
    <definedName name="ゆゆ" localSheetId="13">#REF!</definedName>
    <definedName name="ゆゆ" localSheetId="4">#REF!</definedName>
    <definedName name="ゆゆ">#REF!</definedName>
    <definedName name="よ" localSheetId="13">#REF!</definedName>
    <definedName name="よ" localSheetId="4">#REF!</definedName>
    <definedName name="よ">#REF!</definedName>
    <definedName name="よよ" localSheetId="13">#REF!</definedName>
    <definedName name="よよ" localSheetId="4">#REF!</definedName>
    <definedName name="よよ">#REF!</definedName>
    <definedName name="ら" localSheetId="13">#REF!</definedName>
    <definedName name="ら" localSheetId="4">#REF!</definedName>
    <definedName name="ら">#REF!</definedName>
    <definedName name="らら" localSheetId="13">#REF!</definedName>
    <definedName name="らら" localSheetId="4">#REF!</definedName>
    <definedName name="らら">#REF!</definedName>
    <definedName name="り" localSheetId="13">#REF!</definedName>
    <definedName name="り" localSheetId="4">#REF!</definedName>
    <definedName name="り">#REF!</definedName>
    <definedName name="る" localSheetId="13">#REF!</definedName>
    <definedName name="る" localSheetId="4">#REF!</definedName>
    <definedName name="る">#REF!</definedName>
    <definedName name="れ" localSheetId="13">#REF!</definedName>
    <definedName name="れ" localSheetId="4">#REF!</definedName>
    <definedName name="れ">#REF!</definedName>
    <definedName name="ろ" localSheetId="13">#REF!</definedName>
    <definedName name="ろ" localSheetId="4">#REF!</definedName>
    <definedName name="ろ">#REF!</definedName>
    <definedName name="ロータリバルブ">[3]寸法計画!$C$86</definedName>
    <definedName name="ロータリバルブ数量">[3]設備電力!$H$77</definedName>
    <definedName name="わ" localSheetId="13">#REF!</definedName>
    <definedName name="わ" localSheetId="4">#REF!</definedName>
    <definedName name="わ">#REF!</definedName>
    <definedName name="わわ" localSheetId="13">#REF!</definedName>
    <definedName name="わわ" localSheetId="4">#REF!</definedName>
    <definedName name="わわ">#REF!</definedName>
    <definedName name="を" localSheetId="13">#REF!</definedName>
    <definedName name="を" localSheetId="4">#REF!</definedName>
    <definedName name="を">#REF!</definedName>
    <definedName name="ん" localSheetId="13">#REF!</definedName>
    <definedName name="ん" localSheetId="4">#REF!</definedName>
    <definedName name="ん">#REF!</definedName>
    <definedName name="んん" localSheetId="13">#REF!</definedName>
    <definedName name="んん" localSheetId="4">#REF!</definedName>
    <definedName name="んん">#REF!</definedName>
    <definedName name="一般経費" localSheetId="13">#REF!</definedName>
    <definedName name="一般経費" localSheetId="4">#REF!</definedName>
    <definedName name="一般経費">#REF!</definedName>
    <definedName name="引当先">[19]外形図!$E$48</definedName>
    <definedName name="引当名">[3]BH3!$D$73</definedName>
    <definedName name="運転開始" localSheetId="13">#REF!</definedName>
    <definedName name="運転開始" localSheetId="4">#REF!</definedName>
    <definedName name="運転開始">#REF!</definedName>
    <definedName name="運転終了" localSheetId="13">#REF!</definedName>
    <definedName name="運転終了" localSheetId="4">#REF!</definedName>
    <definedName name="運転終了">#REF!</definedName>
    <definedName name="撹拌機数量">[2]設備電力!$F$39</definedName>
    <definedName name="撹拌機数量_3">[2]設備電力!$F$61</definedName>
    <definedName name="基準データ">[15]Input表!$P$15:$S$21</definedName>
    <definedName name="基準データ１">[15]Input表!$P$15:$T$24</definedName>
    <definedName name="基準データ２">[15]Input表!$V$16:$X$24</definedName>
    <definedName name="機械合計" localSheetId="13">#REF!</definedName>
    <definedName name="機械合計" localSheetId="4">#REF!</definedName>
    <definedName name="機械合計">#REF!</definedName>
    <definedName name="機器リスト" localSheetId="13">#REF!</definedName>
    <definedName name="機器リスト" localSheetId="4">#REF!</definedName>
    <definedName name="機器リスト">#REF!</definedName>
    <definedName name="客先">[2]外形図1!$F$49</definedName>
    <definedName name="吸込fan出力">[2]設備電力!$J$73</definedName>
    <definedName name="吸込fan数量">[2]設備電力!$J$72</definedName>
    <definedName name="吸込みfan">[2]設備電力!$C$71</definedName>
    <definedName name="吸収塔循環pump">[19]寸法!$H$176</definedName>
    <definedName name="吸収塔循環pump常用数量">[19]寸法!$K$354</definedName>
    <definedName name="吸収塔循環pump予備数量">[19]寸法!$N$354</definedName>
    <definedName name="急冷塔循環pump">[19]寸法!$D$176</definedName>
    <definedName name="急冷塔循環pump常用数量">[19]寸法!$K$179</definedName>
    <definedName name="急冷塔循環pump予備数量">[19]寸法!$N$179</definedName>
    <definedName name="供給機数量">[2]設備電力!$F$40</definedName>
    <definedName name="供給機数量_2">[2]設備電力!$F$49</definedName>
    <definedName name="供給機数量_3">[2]設備電力!$F$62</definedName>
    <definedName name="金利見直期間" localSheetId="13">[23]前提条件!#REF!</definedName>
    <definedName name="金利見直期間" localSheetId="4">[23]前提条件!#REF!</definedName>
    <definedName name="金利見直期間">[23]前提条件!#REF!</definedName>
    <definedName name="経費" localSheetId="13">#REF!</definedName>
    <definedName name="経費" localSheetId="4">#REF!</definedName>
    <definedName name="経費">#REF!</definedName>
    <definedName name="計算" localSheetId="13">[24]入力!#REF!</definedName>
    <definedName name="計算" localSheetId="4">[24]入力!#REF!</definedName>
    <definedName name="計算">[24]入力!#REF!</definedName>
    <definedName name="計算条件" localSheetId="13">[25]入力!#REF!</definedName>
    <definedName name="計算条件" localSheetId="4">[25]入力!#REF!</definedName>
    <definedName name="計算条件">[25]入力!#REF!</definedName>
    <definedName name="月度" localSheetId="13">#REF!</definedName>
    <definedName name="月度" localSheetId="4">#REF!</definedName>
    <definedName name="月度">#REF!</definedName>
    <definedName name="公認会計士費" localSheetId="13">#REF!</definedName>
    <definedName name="公認会計士費" localSheetId="4">#REF!</definedName>
    <definedName name="公認会計士費">#REF!</definedName>
    <definedName name="査定" localSheetId="13">#REF!</definedName>
    <definedName name="査定" localSheetId="4">#REF!</definedName>
    <definedName name="査定">#REF!</definedName>
    <definedName name="最終年度運転期間" localSheetId="13">#REF!</definedName>
    <definedName name="最終年度運転期間" localSheetId="4">#REF!</definedName>
    <definedName name="最終年度運転期間">#REF!</definedName>
    <definedName name="市中借入金利率">[23]前提条件!$S$66</definedName>
    <definedName name="施設分類" localSheetId="13">#REF!</definedName>
    <definedName name="施設分類" localSheetId="4">#REF!</definedName>
    <definedName name="施設分類">#REF!</definedName>
    <definedName name="社員人件費" localSheetId="13">#REF!</definedName>
    <definedName name="社員人件費" localSheetId="4">#REF!</definedName>
    <definedName name="社員人件費">#REF!</definedName>
    <definedName name="修繕費">[23]修繕費計算!$C$4</definedName>
    <definedName name="集計" localSheetId="13">[26]家庭!#REF!</definedName>
    <definedName name="集計" localSheetId="4">[26]家庭!#REF!</definedName>
    <definedName name="集計">[26]家庭!#REF!</definedName>
    <definedName name="重要度区分">[27]重要度区分!$A$3:$D$6</definedName>
    <definedName name="処理委託売上高" localSheetId="13">#REF!</definedName>
    <definedName name="処理委託売上高" localSheetId="4">#REF!</definedName>
    <definedName name="処理委託売上高">#REF!</definedName>
    <definedName name="初年度稼動期間" localSheetId="13">#REF!</definedName>
    <definedName name="初年度稼動期間" localSheetId="4">#REF!</definedName>
    <definedName name="初年度稼動期間">#REF!</definedName>
    <definedName name="助剤1">[2]寸法計画と薬剤使用量!$C$140</definedName>
    <definedName name="助剤BA数量">[2]設備電力!$J$43</definedName>
    <definedName name="除湿機">[2]設備電力!$C$23</definedName>
    <definedName name="除湿機出力">[2]設備電力!$J$26</definedName>
    <definedName name="消石灰BA数量">[2]設備電力!$J$4</definedName>
    <definedName name="新エネ">'[28]Ｒ＆Ｄマスタメインデータ'!$A$1:$BF$411</definedName>
    <definedName name="進捗率" localSheetId="13">#REF!</definedName>
    <definedName name="進捗率" localSheetId="4">#REF!</definedName>
    <definedName name="進捗率">#REF!</definedName>
    <definedName name="図版" localSheetId="13">#REF!</definedName>
    <definedName name="図版" localSheetId="4">#REF!</definedName>
    <definedName name="図版">#REF!</definedName>
    <definedName name="世帯数" localSheetId="13">#REF!</definedName>
    <definedName name="世帯数" localSheetId="4">#REF!</definedName>
    <definedName name="世帯数">#REF!</definedName>
    <definedName name="政府系借入金利率">[23]前提条件!$S$70</definedName>
    <definedName name="設定項目1" localSheetId="2">#N/A</definedName>
    <definedName name="設定項目1">NA()</definedName>
    <definedName name="操業費用" localSheetId="13">#REF!</definedName>
    <definedName name="操業費用" localSheetId="4">#REF!</definedName>
    <definedName name="操業費用">#REF!</definedName>
    <definedName name="停止時ヒータ">[3]設備電力!$B$40</definedName>
    <definedName name="停止時ヒータ数量">[3]設備電力!$H$42</definedName>
    <definedName name="定量フィーダ">[2]設備電力!$F$28</definedName>
    <definedName name="電源電圧">[3]設備電力!$H$85</definedName>
    <definedName name="内海築炉" localSheetId="13">#REF!</definedName>
    <definedName name="内海築炉" localSheetId="4">#REF!</definedName>
    <definedName name="内海築炉">#REF!</definedName>
    <definedName name="内訳外" localSheetId="13">#REF!</definedName>
    <definedName name="内訳外" localSheetId="4">#REF!</definedName>
    <definedName name="内訳外">#REF!</definedName>
    <definedName name="内訳内1" localSheetId="13">#REF!</definedName>
    <definedName name="内訳内1" localSheetId="4">#REF!</definedName>
    <definedName name="内訳内1">#REF!</definedName>
    <definedName name="内訳内2" localSheetId="13">#REF!</definedName>
    <definedName name="内訳内2" localSheetId="4">#REF!</definedName>
    <definedName name="内訳内2">#REF!</definedName>
    <definedName name="年度" localSheetId="13">#REF!</definedName>
    <definedName name="年度" localSheetId="4">#REF!</definedName>
    <definedName name="年度">#REF!</definedName>
    <definedName name="派遣社員経費" localSheetId="13">#REF!</definedName>
    <definedName name="派遣社員経費" localSheetId="4">#REF!</definedName>
    <definedName name="派遣社員経費">#REF!</definedName>
    <definedName name="発電売上高" localSheetId="13">#REF!</definedName>
    <definedName name="発電売上高" localSheetId="4">#REF!</definedName>
    <definedName name="発電売上高">#REF!</definedName>
    <definedName name="保険料" localSheetId="13">#REF!</definedName>
    <definedName name="保険料" localSheetId="4">#REF!</definedName>
    <definedName name="保険料">#REF!</definedName>
    <definedName name="法人税率" localSheetId="13">#REF!</definedName>
    <definedName name="法人税率" localSheetId="4">#REF!</definedName>
    <definedName name="法人税率">#REF!</definedName>
    <definedName name="明細1" localSheetId="13">#REF!</definedName>
    <definedName name="明細1" localSheetId="4">#REF!</definedName>
    <definedName name="明細1">#REF!</definedName>
    <definedName name="明細3" localSheetId="13">#REF!</definedName>
    <definedName name="明細3" localSheetId="4">#REF!</definedName>
    <definedName name="明細3">#REF!</definedName>
    <definedName name="薬剤定量フィーダ数量">[2]設備電力!$F$53</definedName>
    <definedName name="輸送用ブロワ">[2]設備電力!$C$63</definedName>
    <definedName name="曜日" localSheetId="13">#REF!</definedName>
    <definedName name="曜日" localSheetId="4">#REF!</definedName>
    <definedName name="曜日">#REF!</definedName>
    <definedName name="様式１０１研究関連設備予算関連">[29]研究設備BG!$A$1:$B$181</definedName>
    <definedName name="用役費" localSheetId="13">#REF!</definedName>
    <definedName name="用役費" localSheetId="4">#REF!</definedName>
    <definedName name="用役費">#REF!</definedName>
    <definedName name="落ち口ヒータ">[2]設備電力!$J$101</definedName>
    <definedName name="劣化パターンと保全方式">[27]劣化パターンと保全方式!$A$4:$D$6</definedName>
    <definedName name="劣後融資金利率">[23]前提条件!$S$74</definedName>
    <definedName name="連結損益予算烟台">[5]受注_営業!$A$1:$AG$63</definedName>
    <definedName name="炉数">[3]寸法計画!$H$31</definedName>
    <definedName name="攪拌機数量_2">[2]設備電力!$F$48</definedName>
  </definedNames>
  <calcPr calcId="145621"/>
</workbook>
</file>

<file path=xl/calcChain.xml><?xml version="1.0" encoding="utf-8"?>
<calcChain xmlns="http://schemas.openxmlformats.org/spreadsheetml/2006/main">
  <c r="G26" i="19" l="1"/>
  <c r="F26" i="19"/>
  <c r="E26" i="19"/>
  <c r="D26" i="19"/>
  <c r="C26" i="19"/>
  <c r="H35" i="8"/>
  <c r="G35" i="8"/>
  <c r="D24" i="8" l="1"/>
  <c r="E24" i="8"/>
  <c r="F24" i="8"/>
  <c r="G24" i="8"/>
  <c r="C24" i="8"/>
</calcChain>
</file>

<file path=xl/sharedStrings.xml><?xml version="1.0" encoding="utf-8"?>
<sst xmlns="http://schemas.openxmlformats.org/spreadsheetml/2006/main" count="502" uniqueCount="321">
  <si>
    <t>平成　年　月　日</t>
  </si>
  <si>
    <t>提出者</t>
  </si>
  <si>
    <t>会社名</t>
  </si>
  <si>
    <t>所属</t>
  </si>
  <si>
    <t>担当者名</t>
  </si>
  <si>
    <t>電話</t>
  </si>
  <si>
    <t>総質問数</t>
  </si>
  <si>
    <t>　　　　　　　問　</t>
  </si>
  <si>
    <t>Ｎｏ</t>
  </si>
  <si>
    <t>資料名</t>
  </si>
  <si>
    <t>頁　</t>
  </si>
  <si>
    <t>項目</t>
  </si>
  <si>
    <t>質問等</t>
  </si>
  <si>
    <t>例</t>
  </si>
  <si>
    <t>○建設費交付対象内外内訳表（ＤＢＯ）</t>
  </si>
  <si>
    <t>（単位：千円）</t>
  </si>
  <si>
    <t>工　　種</t>
  </si>
  <si>
    <t>合計</t>
  </si>
  <si>
    <t>備考</t>
  </si>
  <si>
    <t>1.</t>
  </si>
  <si>
    <t>設計費</t>
  </si>
  <si>
    <t>2.</t>
  </si>
  <si>
    <t>プラント設備工事</t>
  </si>
  <si>
    <t>①</t>
  </si>
  <si>
    <t>受入供給設備</t>
  </si>
  <si>
    <t>②</t>
  </si>
  <si>
    <t>燃焼設備</t>
  </si>
  <si>
    <t>③</t>
  </si>
  <si>
    <t>燃焼ガス冷却設備</t>
  </si>
  <si>
    <t>④</t>
  </si>
  <si>
    <t>排ガス処理設備</t>
  </si>
  <si>
    <t>⑤</t>
  </si>
  <si>
    <t>通風設備</t>
  </si>
  <si>
    <t>⑥</t>
  </si>
  <si>
    <t>灰出し設備</t>
  </si>
  <si>
    <t>⑦</t>
  </si>
  <si>
    <t>給水設備</t>
  </si>
  <si>
    <t>⑧</t>
  </si>
  <si>
    <t>排水処理設備</t>
  </si>
  <si>
    <t>⑩</t>
  </si>
  <si>
    <t>電気設備</t>
  </si>
  <si>
    <t>⑪</t>
  </si>
  <si>
    <t>計装設備</t>
  </si>
  <si>
    <t>⑫</t>
  </si>
  <si>
    <t>余熱利用設備</t>
  </si>
  <si>
    <t>雑設備</t>
  </si>
  <si>
    <t>小　　計</t>
  </si>
  <si>
    <t>3.</t>
  </si>
  <si>
    <t>建築工事</t>
  </si>
  <si>
    <t>土木・外構工事</t>
  </si>
  <si>
    <t>建築機械設備工事</t>
  </si>
  <si>
    <t>建築電気設備工事</t>
  </si>
  <si>
    <t>4.</t>
  </si>
  <si>
    <t>その他工事</t>
  </si>
  <si>
    <t>工事費計</t>
  </si>
  <si>
    <t>5.</t>
  </si>
  <si>
    <t>共通仮設費</t>
  </si>
  <si>
    <t>6.</t>
  </si>
  <si>
    <t>現場管理費</t>
  </si>
  <si>
    <t>7.</t>
  </si>
  <si>
    <t>一般管理費</t>
  </si>
  <si>
    <t>計</t>
  </si>
  <si>
    <t>合　　　　　　　計</t>
  </si>
  <si>
    <t>消費税</t>
  </si>
  <si>
    <t>合計（税込み）</t>
  </si>
  <si>
    <t>その他</t>
  </si>
  <si>
    <t>人件費</t>
  </si>
  <si>
    <t>保険料</t>
  </si>
  <si>
    <t>※アドバイザー費：事業者側で依頼する財務・法律等アドバイザー費</t>
  </si>
  <si>
    <t>事業年度</t>
  </si>
  <si>
    <t>用役費</t>
  </si>
  <si>
    <t>電気料（買電）</t>
  </si>
  <si>
    <t>燃料費</t>
  </si>
  <si>
    <t>薬品費</t>
  </si>
  <si>
    <t>油脂類</t>
  </si>
  <si>
    <t>維持管理補修費</t>
  </si>
  <si>
    <t>法定点検費</t>
  </si>
  <si>
    <t>定期点検・清掃費</t>
  </si>
  <si>
    <t>補修費</t>
  </si>
  <si>
    <t>予備品費</t>
  </si>
  <si>
    <t>消耗品費</t>
  </si>
  <si>
    <t>調査委託費</t>
  </si>
  <si>
    <t>委託費</t>
  </si>
  <si>
    <t>保守委託費</t>
  </si>
  <si>
    <t>小計</t>
  </si>
  <si>
    <t>支出</t>
  </si>
  <si>
    <t>収入</t>
  </si>
  <si>
    <t>項　　目</t>
  </si>
  <si>
    <t>年間使用量</t>
  </si>
  <si>
    <t>電気</t>
  </si>
  <si>
    <t>契約電力（　　　kW）</t>
  </si>
  <si>
    <t>使用電力（昼間）</t>
  </si>
  <si>
    <t>　　　　（夜間）</t>
  </si>
  <si>
    <t>※電力料金は九州電力の電力メニューを参照。</t>
  </si>
  <si>
    <t>上水</t>
  </si>
  <si>
    <t>基本料金</t>
  </si>
  <si>
    <t>生活用水（従量料金）</t>
  </si>
  <si>
    <t>プラント用水（従量料金）</t>
  </si>
  <si>
    <t>【使用箇所】</t>
  </si>
  <si>
    <t>燃料</t>
  </si>
  <si>
    <t>薬品</t>
  </si>
  <si>
    <t>排ガス処理</t>
  </si>
  <si>
    <t>排水処理</t>
  </si>
  <si>
    <t>ボイラ設備</t>
  </si>
  <si>
    <t>純水設備</t>
  </si>
  <si>
    <t>飛灰処理設備</t>
  </si>
  <si>
    <t>その他
（脱臭等）</t>
  </si>
  <si>
    <t>　</t>
  </si>
  <si>
    <t>○資本金の設定に対する考え方</t>
  </si>
  <si>
    <t>ご回答内容</t>
  </si>
  <si>
    <t>資本金</t>
  </si>
  <si>
    <t>（千円）</t>
  </si>
  <si>
    <t>資本金の設定
に対する考え方</t>
  </si>
  <si>
    <t>（単位：人）</t>
  </si>
  <si>
    <t>日勤</t>
  </si>
  <si>
    <t>1班</t>
  </si>
  <si>
    <t>2班</t>
  </si>
  <si>
    <t>3班</t>
  </si>
  <si>
    <t>4班</t>
  </si>
  <si>
    <t>所長</t>
  </si>
  <si>
    <t>副所長</t>
  </si>
  <si>
    <t>事務員</t>
  </si>
  <si>
    <t>計量要員</t>
  </si>
  <si>
    <t>運転班</t>
  </si>
  <si>
    <t>※：休暇要員等の予備人員も含めること。</t>
  </si>
  <si>
    <t>※：兼務にて対応するものはカッコ書きで人員数を記述し、備考欄に内容を記載すること。</t>
  </si>
  <si>
    <t>運営費(サービス対価)</t>
  </si>
  <si>
    <t>アドバイザー費</t>
  </si>
  <si>
    <t>光熱水費・用役費</t>
  </si>
  <si>
    <t>ＳＰＣ設立費</t>
  </si>
  <si>
    <t>営業利益</t>
  </si>
  <si>
    <t>営業外収入</t>
  </si>
  <si>
    <t>営業外費用</t>
  </si>
  <si>
    <t>営業外損益</t>
  </si>
  <si>
    <t>経常利益</t>
  </si>
  <si>
    <t>特別損益</t>
  </si>
  <si>
    <t>当期利益（税引前利益）</t>
  </si>
  <si>
    <t>法人税等</t>
  </si>
  <si>
    <t>当期利益（税引後利益）</t>
  </si>
  <si>
    <t>配当金</t>
  </si>
  <si>
    <t>理　　由</t>
  </si>
  <si>
    <t>※項目は適宜追加・変更して下さい。</t>
  </si>
  <si>
    <t>１　質問は、本様式１行につき１問とし、簡潔にまとめて記載すること。</t>
  </si>
  <si>
    <t>２　質問数に応じて行数を増やし、「Ｎｏ」の欄に通し番号を記入すること。なお、</t>
    <phoneticPr fontId="27"/>
  </si>
  <si>
    <t>　　「Ｎｏ」欄及び「頁」欄は、半角数字で記入すること。</t>
    <phoneticPr fontId="27"/>
  </si>
  <si>
    <t>○工事工程表</t>
    <rPh sb="1" eb="3">
      <t>コウジ</t>
    </rPh>
    <rPh sb="3" eb="5">
      <t>コウテイ</t>
    </rPh>
    <rPh sb="5" eb="6">
      <t>ヒョウ</t>
    </rPh>
    <phoneticPr fontId="27"/>
  </si>
  <si>
    <t>項　　目</t>
    <rPh sb="0" eb="1">
      <t>コウ</t>
    </rPh>
    <rPh sb="3" eb="4">
      <t>メ</t>
    </rPh>
    <phoneticPr fontId="27"/>
  </si>
  <si>
    <t>4月</t>
    <rPh sb="1" eb="2">
      <t>ガツ</t>
    </rPh>
    <phoneticPr fontId="27"/>
  </si>
  <si>
    <t>5月</t>
  </si>
  <si>
    <t>6月</t>
  </si>
  <si>
    <t>7月</t>
  </si>
  <si>
    <t>8月</t>
  </si>
  <si>
    <t>9月</t>
  </si>
  <si>
    <t>10月</t>
  </si>
  <si>
    <t>11月</t>
  </si>
  <si>
    <t>12月</t>
  </si>
  <si>
    <t>1月</t>
  </si>
  <si>
    <t>2月</t>
  </si>
  <si>
    <t>3月</t>
  </si>
  <si>
    <t>平成29年度</t>
    <rPh sb="0" eb="2">
      <t>ヘイセイ</t>
    </rPh>
    <rPh sb="4" eb="6">
      <t>ネンド</t>
    </rPh>
    <phoneticPr fontId="27"/>
  </si>
  <si>
    <t>備　　考</t>
    <rPh sb="0" eb="1">
      <t>ソナエ</t>
    </rPh>
    <rPh sb="3" eb="4">
      <t>コウ</t>
    </rPh>
    <phoneticPr fontId="27"/>
  </si>
  <si>
    <t>※項目は任意とする。項目ごとの必要工期ができるだけわかるように記載すること。</t>
    <rPh sb="1" eb="3">
      <t>コウモク</t>
    </rPh>
    <rPh sb="4" eb="6">
      <t>ニンイ</t>
    </rPh>
    <rPh sb="10" eb="12">
      <t>コウモク</t>
    </rPh>
    <rPh sb="15" eb="17">
      <t>ヒツヨウ</t>
    </rPh>
    <rPh sb="17" eb="19">
      <t>コウキ</t>
    </rPh>
    <rPh sb="31" eb="33">
      <t>キサイ</t>
    </rPh>
    <phoneticPr fontId="27"/>
  </si>
  <si>
    <t>ＳＰＣ維持費</t>
    <rPh sb="3" eb="6">
      <t>イジヒ</t>
    </rPh>
    <phoneticPr fontId="27"/>
  </si>
  <si>
    <t>単価
（税抜）</t>
    <rPh sb="4" eb="5">
      <t>ゼイ</t>
    </rPh>
    <rPh sb="5" eb="6">
      <t>ヌ</t>
    </rPh>
    <phoneticPr fontId="27"/>
  </si>
  <si>
    <t>年間購入料
［千円/年］
（税抜）</t>
    <rPh sb="14" eb="16">
      <t>ゼイヌキ</t>
    </rPh>
    <phoneticPr fontId="27"/>
  </si>
  <si>
    <t>※変更理由欄には「①遵守困難」、「②効率化提案」、「③その他（　　）」を記入してください。</t>
    <rPh sb="1" eb="3">
      <t>ヘンコウ</t>
    </rPh>
    <rPh sb="3" eb="5">
      <t>リユウ</t>
    </rPh>
    <rPh sb="5" eb="6">
      <t>ラン</t>
    </rPh>
    <rPh sb="10" eb="12">
      <t>ジュンシュ</t>
    </rPh>
    <rPh sb="12" eb="14">
      <t>コンナン</t>
    </rPh>
    <rPh sb="18" eb="21">
      <t>コウリツカ</t>
    </rPh>
    <rPh sb="21" eb="23">
      <t>テイアン</t>
    </rPh>
    <rPh sb="29" eb="30">
      <t>タ</t>
    </rPh>
    <rPh sb="36" eb="38">
      <t>キニュウ</t>
    </rPh>
    <phoneticPr fontId="27"/>
  </si>
  <si>
    <t>Ｎｏ</t>
    <phoneticPr fontId="27"/>
  </si>
  <si>
    <t>頁　</t>
    <rPh sb="0" eb="1">
      <t>ページ</t>
    </rPh>
    <phoneticPr fontId="27"/>
  </si>
  <si>
    <t>項目</t>
    <rPh sb="0" eb="2">
      <t>コウモク</t>
    </rPh>
    <phoneticPr fontId="27"/>
  </si>
  <si>
    <t>変更理由</t>
    <rPh sb="0" eb="2">
      <t>ヘンコウ</t>
    </rPh>
    <rPh sb="2" eb="4">
      <t>リユウ</t>
    </rPh>
    <phoneticPr fontId="27"/>
  </si>
  <si>
    <t>内容</t>
    <rPh sb="0" eb="2">
      <t>ナイヨウ</t>
    </rPh>
    <phoneticPr fontId="27"/>
  </si>
  <si>
    <t>※必要に応じ欄を追加すること。</t>
    <rPh sb="1" eb="3">
      <t>ヒツヨウ</t>
    </rPh>
    <rPh sb="4" eb="5">
      <t>オウ</t>
    </rPh>
    <rPh sb="6" eb="7">
      <t>ラン</t>
    </rPh>
    <rPh sb="8" eb="10">
      <t>ツイカ</t>
    </rPh>
    <phoneticPr fontId="31"/>
  </si>
  <si>
    <t>○アンケート　公設公営方式を採用した場合の費用</t>
    <phoneticPr fontId="27"/>
  </si>
  <si>
    <t>項目</t>
    <phoneticPr fontId="27"/>
  </si>
  <si>
    <t>建設費</t>
    <rPh sb="0" eb="2">
      <t>ケンセツ</t>
    </rPh>
    <rPh sb="2" eb="3">
      <t>ヒ</t>
    </rPh>
    <phoneticPr fontId="27"/>
  </si>
  <si>
    <t>金額の違い（●％増等）</t>
    <rPh sb="0" eb="2">
      <t>キンガク</t>
    </rPh>
    <rPh sb="3" eb="4">
      <t>チガ</t>
    </rPh>
    <rPh sb="8" eb="9">
      <t>ゾウ</t>
    </rPh>
    <rPh sb="9" eb="10">
      <t>トウ</t>
    </rPh>
    <phoneticPr fontId="27"/>
  </si>
  <si>
    <t>運営費</t>
    <rPh sb="0" eb="2">
      <t>ウンエイ</t>
    </rPh>
    <rPh sb="2" eb="3">
      <t>ヒ</t>
    </rPh>
    <phoneticPr fontId="27"/>
  </si>
  <si>
    <t>人件費</t>
    <rPh sb="0" eb="3">
      <t>ジンケンヒ</t>
    </rPh>
    <phoneticPr fontId="27"/>
  </si>
  <si>
    <t>維持管理補修費</t>
    <phoneticPr fontId="27"/>
  </si>
  <si>
    <t>用役費</t>
    <rPh sb="0" eb="1">
      <t>ヨウ</t>
    </rPh>
    <rPh sb="1" eb="2">
      <t>ヤク</t>
    </rPh>
    <rPh sb="2" eb="3">
      <t>ヒ</t>
    </rPh>
    <phoneticPr fontId="27"/>
  </si>
  <si>
    <t>その他</t>
    <rPh sb="2" eb="3">
      <t>タ</t>
    </rPh>
    <phoneticPr fontId="27"/>
  </si>
  <si>
    <t>平成30年度</t>
    <rPh sb="0" eb="2">
      <t>ヘイセイ</t>
    </rPh>
    <rPh sb="4" eb="6">
      <t>ネンド</t>
    </rPh>
    <phoneticPr fontId="27"/>
  </si>
  <si>
    <t>平成31年度</t>
    <rPh sb="0" eb="2">
      <t>ヘイセイ</t>
    </rPh>
    <rPh sb="4" eb="6">
      <t>ネンド</t>
    </rPh>
    <phoneticPr fontId="27"/>
  </si>
  <si>
    <t>交付対象外</t>
    <phoneticPr fontId="27"/>
  </si>
  <si>
    <t>合計</t>
    <phoneticPr fontId="27"/>
  </si>
  <si>
    <t>合計</t>
    <rPh sb="0" eb="2">
      <t>ゴウケイ</t>
    </rPh>
    <phoneticPr fontId="27"/>
  </si>
  <si>
    <t>○SPC費用</t>
    <rPh sb="4" eb="6">
      <t>ヒヨウ</t>
    </rPh>
    <phoneticPr fontId="27"/>
  </si>
  <si>
    <t>千円</t>
    <rPh sb="0" eb="2">
      <t>センエン</t>
    </rPh>
    <phoneticPr fontId="27"/>
  </si>
  <si>
    <t>【SPC設立費】</t>
    <rPh sb="4" eb="6">
      <t>セツリツ</t>
    </rPh>
    <rPh sb="6" eb="7">
      <t>ヒ</t>
    </rPh>
    <phoneticPr fontId="27"/>
  </si>
  <si>
    <t>登録免許税</t>
    <phoneticPr fontId="27"/>
  </si>
  <si>
    <t>ＳＰＣ定款</t>
    <phoneticPr fontId="27"/>
  </si>
  <si>
    <t>事務所経費</t>
    <phoneticPr fontId="27"/>
  </si>
  <si>
    <t>什器備品</t>
    <rPh sb="0" eb="2">
      <t>ジュウキ</t>
    </rPh>
    <rPh sb="2" eb="4">
      <t>ビヒン</t>
    </rPh>
    <phoneticPr fontId="27"/>
  </si>
  <si>
    <t>【SPC維持費（年間）】</t>
    <rPh sb="4" eb="6">
      <t>イジ</t>
    </rPh>
    <rPh sb="6" eb="7">
      <t>ヒ</t>
    </rPh>
    <rPh sb="8" eb="10">
      <t>ネンカン</t>
    </rPh>
    <phoneticPr fontId="27"/>
  </si>
  <si>
    <t>税金</t>
    <rPh sb="0" eb="2">
      <t>ゼイキン</t>
    </rPh>
    <phoneticPr fontId="27"/>
  </si>
  <si>
    <t>千円/年</t>
    <rPh sb="0" eb="2">
      <t>センエン</t>
    </rPh>
    <rPh sb="3" eb="4">
      <t>ネン</t>
    </rPh>
    <phoneticPr fontId="27"/>
  </si>
  <si>
    <t>会社名等</t>
    <rPh sb="0" eb="4">
      <t>カイシャメイトウ</t>
    </rPh>
    <phoneticPr fontId="27"/>
  </si>
  <si>
    <t>所在地</t>
    <rPh sb="0" eb="3">
      <t>ショザイチ</t>
    </rPh>
    <phoneticPr fontId="27"/>
  </si>
  <si>
    <t>商号又は名称</t>
    <rPh sb="0" eb="2">
      <t>ショウゴウ</t>
    </rPh>
    <rPh sb="2" eb="3">
      <t>マタ</t>
    </rPh>
    <rPh sb="4" eb="6">
      <t>メイショウ</t>
    </rPh>
    <phoneticPr fontId="27"/>
  </si>
  <si>
    <t>代表者氏名</t>
    <rPh sb="0" eb="3">
      <t>ダイヒョウシャ</t>
    </rPh>
    <rPh sb="3" eb="5">
      <t>シメイ</t>
    </rPh>
    <phoneticPr fontId="27"/>
  </si>
  <si>
    <t>印　</t>
    <rPh sb="0" eb="1">
      <t>イン</t>
    </rPh>
    <phoneticPr fontId="27"/>
  </si>
  <si>
    <t>担当者</t>
    <rPh sb="0" eb="3">
      <t>タントウシャ</t>
    </rPh>
    <phoneticPr fontId="27"/>
  </si>
  <si>
    <t>氏名</t>
    <rPh sb="0" eb="2">
      <t>シメイ</t>
    </rPh>
    <phoneticPr fontId="27"/>
  </si>
  <si>
    <t>所属</t>
    <rPh sb="0" eb="2">
      <t>ショゾク</t>
    </rPh>
    <phoneticPr fontId="27"/>
  </si>
  <si>
    <t>電話</t>
    <rPh sb="0" eb="2">
      <t>デンワ</t>
    </rPh>
    <phoneticPr fontId="27"/>
  </si>
  <si>
    <t>ファックス</t>
    <phoneticPr fontId="27"/>
  </si>
  <si>
    <t>電子メール</t>
    <rPh sb="0" eb="2">
      <t>デンシ</t>
    </rPh>
    <phoneticPr fontId="27"/>
  </si>
  <si>
    <t>平成　　年　　月　　日</t>
    <rPh sb="0" eb="2">
      <t>ヘイセイ</t>
    </rPh>
    <rPh sb="4" eb="5">
      <t>ネン</t>
    </rPh>
    <rPh sb="7" eb="8">
      <t>ガツ</t>
    </rPh>
    <rPh sb="10" eb="11">
      <t>ニチ</t>
    </rPh>
    <phoneticPr fontId="27"/>
  </si>
  <si>
    <t>ファックス</t>
    <phoneticPr fontId="27"/>
  </si>
  <si>
    <t>※項目が不足する場合は、適宜追記すること。</t>
    <rPh sb="12" eb="14">
      <t>テキギ</t>
    </rPh>
    <phoneticPr fontId="27"/>
  </si>
  <si>
    <t>（単位：千円、10％税込み）</t>
    <rPh sb="4" eb="5">
      <t>セン</t>
    </rPh>
    <rPh sb="10" eb="11">
      <t>ゼイ</t>
    </rPh>
    <rPh sb="11" eb="12">
      <t>コ</t>
    </rPh>
    <phoneticPr fontId="27"/>
  </si>
  <si>
    <t>見積仕様書変更要望</t>
    <rPh sb="0" eb="2">
      <t>ミツモリ</t>
    </rPh>
    <rPh sb="2" eb="5">
      <t>シヨウショ</t>
    </rPh>
    <rPh sb="5" eb="7">
      <t>ヘンコウ</t>
    </rPh>
    <rPh sb="7" eb="9">
      <t>ヨウボウ</t>
    </rPh>
    <phoneticPr fontId="27"/>
  </si>
  <si>
    <t>収支計</t>
    <rPh sb="0" eb="2">
      <t>シュウシ</t>
    </rPh>
    <rPh sb="2" eb="3">
      <t>ケイ</t>
    </rPh>
    <phoneticPr fontId="27"/>
  </si>
  <si>
    <t>備考</t>
    <rPh sb="0" eb="2">
      <t>ビコウ</t>
    </rPh>
    <phoneticPr fontId="27"/>
  </si>
  <si>
    <t>その他（　　　　　）</t>
    <phoneticPr fontId="27"/>
  </si>
  <si>
    <t>運営期間</t>
    <rPh sb="0" eb="2">
      <t>ウンエイ</t>
    </rPh>
    <rPh sb="2" eb="4">
      <t>キカン</t>
    </rPh>
    <phoneticPr fontId="27"/>
  </si>
  <si>
    <t>エネルギー回収型廃棄物処理施設</t>
    <phoneticPr fontId="27"/>
  </si>
  <si>
    <t>天山地区共同環境組合</t>
    <rPh sb="0" eb="2">
      <t>テンザン</t>
    </rPh>
    <rPh sb="2" eb="4">
      <t>チク</t>
    </rPh>
    <rPh sb="4" eb="6">
      <t>キョウドウ</t>
    </rPh>
    <rPh sb="6" eb="8">
      <t>カンキョウ</t>
    </rPh>
    <rPh sb="8" eb="10">
      <t>クミアイ</t>
    </rPh>
    <phoneticPr fontId="27"/>
  </si>
  <si>
    <t xml:space="preserve">様式集  </t>
    <phoneticPr fontId="27"/>
  </si>
  <si>
    <t>建設・運営事業に係る見積等調査</t>
    <phoneticPr fontId="27"/>
  </si>
  <si>
    <t>　エネルギー回収型廃棄物処理施設建設・運営事業に係る見積等調査について、次のとおり質問がありますので提出します。</t>
    <phoneticPr fontId="27"/>
  </si>
  <si>
    <t>提出要項</t>
    <phoneticPr fontId="27"/>
  </si>
  <si>
    <t>様式第１号</t>
    <phoneticPr fontId="27"/>
  </si>
  <si>
    <t>提出要項等に関する質問書</t>
    <rPh sb="4" eb="5">
      <t>トウ</t>
    </rPh>
    <rPh sb="6" eb="7">
      <t>カン</t>
    </rPh>
    <phoneticPr fontId="27"/>
  </si>
  <si>
    <t>様式第２号</t>
    <phoneticPr fontId="27"/>
  </si>
  <si>
    <t>見積提案書提出書</t>
    <rPh sb="0" eb="2">
      <t>ミツモリ</t>
    </rPh>
    <rPh sb="2" eb="4">
      <t>テイアン</t>
    </rPh>
    <rPh sb="4" eb="5">
      <t>ショ</t>
    </rPh>
    <rPh sb="5" eb="7">
      <t>テイシュツ</t>
    </rPh>
    <rPh sb="7" eb="8">
      <t>ショ</t>
    </rPh>
    <phoneticPr fontId="27"/>
  </si>
  <si>
    <t>天山地区共同環境組合　管理者　横尾俊彦　様</t>
    <phoneticPr fontId="27"/>
  </si>
  <si>
    <t>　「エネルギー回収型廃棄物処理施設建設・運営事業に係る見積等調査　見積提案書提出要項」に基づき、見積提案書一式を提出します。</t>
    <rPh sb="7" eb="10">
      <t>カイシュウガタ</t>
    </rPh>
    <rPh sb="10" eb="13">
      <t>ハイキブツ</t>
    </rPh>
    <rPh sb="13" eb="15">
      <t>ショリ</t>
    </rPh>
    <rPh sb="15" eb="17">
      <t>シセツ</t>
    </rPh>
    <rPh sb="17" eb="19">
      <t>ケンセツ</t>
    </rPh>
    <rPh sb="20" eb="22">
      <t>ウンエイ</t>
    </rPh>
    <rPh sb="22" eb="24">
      <t>ジギョウ</t>
    </rPh>
    <rPh sb="25" eb="26">
      <t>カカ</t>
    </rPh>
    <rPh sb="27" eb="29">
      <t>ミツモリ</t>
    </rPh>
    <rPh sb="29" eb="30">
      <t>トウ</t>
    </rPh>
    <rPh sb="30" eb="32">
      <t>チョウサ</t>
    </rPh>
    <rPh sb="33" eb="35">
      <t>ミツモリ</t>
    </rPh>
    <rPh sb="35" eb="37">
      <t>テイアン</t>
    </rPh>
    <rPh sb="37" eb="38">
      <t>ショ</t>
    </rPh>
    <rPh sb="38" eb="40">
      <t>テイシュツ</t>
    </rPh>
    <rPh sb="40" eb="42">
      <t>ヨウコウ</t>
    </rPh>
    <phoneticPr fontId="27"/>
  </si>
  <si>
    <t>様式第３号</t>
    <phoneticPr fontId="27"/>
  </si>
  <si>
    <t>エネルギー回収型廃棄物処理施設</t>
    <phoneticPr fontId="27"/>
  </si>
  <si>
    <r>
      <t>交付対象</t>
    </r>
    <r>
      <rPr>
        <sz val="11"/>
        <rFont val="ＭＳ Ｐ明朝"/>
        <family val="1"/>
        <charset val="128"/>
      </rPr>
      <t xml:space="preserve">
</t>
    </r>
    <r>
      <rPr>
        <sz val="9"/>
        <rFont val="ＭＳ Ｐ明朝"/>
        <family val="1"/>
        <charset val="128"/>
      </rPr>
      <t>(補助率1/3)</t>
    </r>
    <rPh sb="0" eb="2">
      <t>コウフ</t>
    </rPh>
    <rPh sb="2" eb="4">
      <t>タイショウ</t>
    </rPh>
    <rPh sb="6" eb="9">
      <t>ホジョリツ</t>
    </rPh>
    <phoneticPr fontId="27"/>
  </si>
  <si>
    <t>⑨</t>
    <phoneticPr fontId="27"/>
  </si>
  <si>
    <t>土木建築工事</t>
    <phoneticPr fontId="27"/>
  </si>
  <si>
    <t>（単位：千円、税抜き）</t>
    <rPh sb="4" eb="5">
      <t>セン</t>
    </rPh>
    <rPh sb="7" eb="8">
      <t>ゼイ</t>
    </rPh>
    <rPh sb="8" eb="9">
      <t>ヌ</t>
    </rPh>
    <phoneticPr fontId="27"/>
  </si>
  <si>
    <t>金額（税抜き）</t>
    <rPh sb="0" eb="2">
      <t>キンガク</t>
    </rPh>
    <rPh sb="3" eb="4">
      <t>ゼイ</t>
    </rPh>
    <rPh sb="4" eb="5">
      <t>ヌ</t>
    </rPh>
    <phoneticPr fontId="27"/>
  </si>
  <si>
    <t>金額（税抜き）</t>
    <rPh sb="0" eb="2">
      <t>キンガク</t>
    </rPh>
    <phoneticPr fontId="27"/>
  </si>
  <si>
    <t>1年目</t>
    <rPh sb="1" eb="3">
      <t>ネンメ</t>
    </rPh>
    <phoneticPr fontId="27"/>
  </si>
  <si>
    <t>2年目</t>
    <rPh sb="1" eb="3">
      <t>ネンメ</t>
    </rPh>
    <phoneticPr fontId="27"/>
  </si>
  <si>
    <t>3年目</t>
    <rPh sb="1" eb="3">
      <t>ネンメ</t>
    </rPh>
    <phoneticPr fontId="27"/>
  </si>
  <si>
    <t>4年目</t>
    <rPh sb="1" eb="3">
      <t>ネンメ</t>
    </rPh>
    <phoneticPr fontId="27"/>
  </si>
  <si>
    <t>5年目</t>
    <rPh sb="1" eb="3">
      <t>ネンメ</t>
    </rPh>
    <phoneticPr fontId="27"/>
  </si>
  <si>
    <t>6年目</t>
    <rPh sb="1" eb="3">
      <t>ネンメ</t>
    </rPh>
    <phoneticPr fontId="27"/>
  </si>
  <si>
    <t>7年目</t>
    <rPh sb="1" eb="3">
      <t>ネンメ</t>
    </rPh>
    <phoneticPr fontId="27"/>
  </si>
  <si>
    <t>8年目</t>
    <rPh sb="1" eb="3">
      <t>ネンメ</t>
    </rPh>
    <phoneticPr fontId="27"/>
  </si>
  <si>
    <t>9年目</t>
    <rPh sb="1" eb="3">
      <t>ネンメ</t>
    </rPh>
    <phoneticPr fontId="27"/>
  </si>
  <si>
    <t>10年目</t>
    <rPh sb="2" eb="4">
      <t>ネンメ</t>
    </rPh>
    <phoneticPr fontId="27"/>
  </si>
  <si>
    <t>11年目</t>
    <rPh sb="2" eb="4">
      <t>ネンメ</t>
    </rPh>
    <phoneticPr fontId="27"/>
  </si>
  <si>
    <t>12年目</t>
    <rPh sb="2" eb="4">
      <t>ネンメ</t>
    </rPh>
    <phoneticPr fontId="27"/>
  </si>
  <si>
    <t>13年目</t>
    <rPh sb="2" eb="4">
      <t>ネンメ</t>
    </rPh>
    <phoneticPr fontId="27"/>
  </si>
  <si>
    <t>14年目</t>
    <rPh sb="2" eb="4">
      <t>ネンメ</t>
    </rPh>
    <phoneticPr fontId="27"/>
  </si>
  <si>
    <t>15年目</t>
    <rPh sb="2" eb="4">
      <t>ネンメ</t>
    </rPh>
    <phoneticPr fontId="27"/>
  </si>
  <si>
    <t>16年目</t>
    <rPh sb="2" eb="4">
      <t>ネンメ</t>
    </rPh>
    <phoneticPr fontId="27"/>
  </si>
  <si>
    <t>17年目</t>
    <rPh sb="2" eb="4">
      <t>ネンメ</t>
    </rPh>
    <phoneticPr fontId="27"/>
  </si>
  <si>
    <t>18年目</t>
    <rPh sb="2" eb="4">
      <t>ネンメ</t>
    </rPh>
    <phoneticPr fontId="27"/>
  </si>
  <si>
    <t>19年目</t>
    <rPh sb="2" eb="4">
      <t>ネンメ</t>
    </rPh>
    <phoneticPr fontId="27"/>
  </si>
  <si>
    <t>20年目</t>
    <rPh sb="2" eb="4">
      <t>ネンメ</t>
    </rPh>
    <phoneticPr fontId="27"/>
  </si>
  <si>
    <t>光熱水費（上水等）</t>
    <rPh sb="5" eb="7">
      <t>ジョウスイ</t>
    </rPh>
    <rPh sb="7" eb="8">
      <t>トウ</t>
    </rPh>
    <phoneticPr fontId="27"/>
  </si>
  <si>
    <t>その他（　　　　　　　）</t>
  </si>
  <si>
    <t>その他（　　　　　　　）</t>
    <phoneticPr fontId="27"/>
  </si>
  <si>
    <t>項　目</t>
    <rPh sb="0" eb="1">
      <t>コウ</t>
    </rPh>
    <rPh sb="2" eb="3">
      <t>メ</t>
    </rPh>
    <phoneticPr fontId="27"/>
  </si>
  <si>
    <t>※1　項目はの追加・変更は可とする。</t>
    <rPh sb="3" eb="5">
      <t>コウモク</t>
    </rPh>
    <rPh sb="7" eb="9">
      <t>ツイカ</t>
    </rPh>
    <rPh sb="10" eb="12">
      <t>ヘンコウ</t>
    </rPh>
    <rPh sb="13" eb="14">
      <t>カ</t>
    </rPh>
    <phoneticPr fontId="27"/>
  </si>
  <si>
    <t>※2　消費税及び地方消費税は含めず記載すること。また、物価上昇は考慮しないこと。</t>
    <rPh sb="3" eb="6">
      <t>ショウヒゼイ</t>
    </rPh>
    <rPh sb="6" eb="7">
      <t>オヨ</t>
    </rPh>
    <rPh sb="8" eb="10">
      <t>チホウ</t>
    </rPh>
    <rPh sb="10" eb="13">
      <t>ショウヒゼイ</t>
    </rPh>
    <rPh sb="14" eb="15">
      <t>フク</t>
    </rPh>
    <rPh sb="17" eb="19">
      <t>キサイ</t>
    </rPh>
    <rPh sb="27" eb="29">
      <t>ブッカ</t>
    </rPh>
    <rPh sb="29" eb="31">
      <t>ジョウショウ</t>
    </rPh>
    <rPh sb="32" eb="34">
      <t>コウリョ</t>
    </rPh>
    <phoneticPr fontId="27"/>
  </si>
  <si>
    <t>○エネルギー回収型廃棄物処理施設　用役費内訳（ＤＢＯ）</t>
    <phoneticPr fontId="27"/>
  </si>
  <si>
    <t>様式第５号</t>
    <phoneticPr fontId="27"/>
  </si>
  <si>
    <t>下水</t>
    <rPh sb="0" eb="2">
      <t>ゲスイ</t>
    </rPh>
    <phoneticPr fontId="27"/>
  </si>
  <si>
    <t>※上水料金は多久市水道料金を参照。</t>
    <rPh sb="6" eb="8">
      <t>タク</t>
    </rPh>
    <phoneticPr fontId="27"/>
  </si>
  <si>
    <t>※下水道使用料は多久市下水道使用料を参照。</t>
    <rPh sb="1" eb="4">
      <t>ゲスイドウ</t>
    </rPh>
    <rPh sb="4" eb="7">
      <t>シヨウリョウ</t>
    </rPh>
    <rPh sb="8" eb="11">
      <t>タクシ</t>
    </rPh>
    <rPh sb="11" eb="14">
      <t>ゲスイドウ</t>
    </rPh>
    <rPh sb="14" eb="17">
      <t>シヨウリョウ</t>
    </rPh>
    <phoneticPr fontId="27"/>
  </si>
  <si>
    <t>SPCの設立に際し、想定される資本金額と、資本金の金額設定にあたっての貴社の考え方をご回答下さい。（どのような考え方に基づいて資本金の金額を設定するのか。）</t>
    <rPh sb="10" eb="12">
      <t>ソウテイ</t>
    </rPh>
    <rPh sb="15" eb="18">
      <t>シホンキン</t>
    </rPh>
    <rPh sb="18" eb="19">
      <t>ガク</t>
    </rPh>
    <phoneticPr fontId="27"/>
  </si>
  <si>
    <t>○エネルギー回収型廃棄物処理施設　運営人員体制（ＤＢＯ）</t>
    <phoneticPr fontId="27"/>
  </si>
  <si>
    <t>プラットホーム監視員・誘導員</t>
    <phoneticPr fontId="27"/>
  </si>
  <si>
    <t>職種</t>
    <rPh sb="0" eb="2">
      <t>ショクシュ</t>
    </rPh>
    <phoneticPr fontId="27"/>
  </si>
  <si>
    <t>※：職種は、適宜追加変更すること。</t>
    <rPh sb="2" eb="4">
      <t>ショクシュ</t>
    </rPh>
    <rPh sb="6" eb="8">
      <t>テキギ</t>
    </rPh>
    <rPh sb="8" eb="10">
      <t>ツイカ</t>
    </rPh>
    <rPh sb="10" eb="12">
      <t>ヘンコウ</t>
    </rPh>
    <phoneticPr fontId="27"/>
  </si>
  <si>
    <t>クレーン運転</t>
    <phoneticPr fontId="27"/>
  </si>
  <si>
    <t>炉運転</t>
    <phoneticPr fontId="27"/>
  </si>
  <si>
    <t>保全班</t>
    <phoneticPr fontId="27"/>
  </si>
  <si>
    <t>○人員体制まとめ（ＤＢＯ）</t>
    <rPh sb="1" eb="3">
      <t>ジンイン</t>
    </rPh>
    <rPh sb="3" eb="5">
      <t>タイセイ</t>
    </rPh>
    <phoneticPr fontId="27"/>
  </si>
  <si>
    <t>ＳＰＣ</t>
    <phoneticPr fontId="27"/>
  </si>
  <si>
    <t>エネルギー回収型廃棄物処理施設</t>
    <rPh sb="5" eb="8">
      <t>カイシュウガタ</t>
    </rPh>
    <rPh sb="8" eb="11">
      <t>ハイキブツ</t>
    </rPh>
    <rPh sb="11" eb="13">
      <t>ショリ</t>
    </rPh>
    <rPh sb="13" eb="15">
      <t>シセツ</t>
    </rPh>
    <phoneticPr fontId="27"/>
  </si>
  <si>
    <t>人件費合計</t>
    <rPh sb="0" eb="3">
      <t>ジンケンヒ</t>
    </rPh>
    <rPh sb="3" eb="5">
      <t>ゴウケイ</t>
    </rPh>
    <phoneticPr fontId="27"/>
  </si>
  <si>
    <t>合計</t>
    <rPh sb="0" eb="2">
      <t>ゴウケイ</t>
    </rPh>
    <phoneticPr fontId="27"/>
  </si>
  <si>
    <t>（千円/年）</t>
    <rPh sb="1" eb="3">
      <t>センエン</t>
    </rPh>
    <rPh sb="4" eb="5">
      <t>ネン</t>
    </rPh>
    <phoneticPr fontId="27"/>
  </si>
  <si>
    <t>人数計</t>
    <rPh sb="0" eb="2">
      <t>ニンズウ</t>
    </rPh>
    <rPh sb="2" eb="3">
      <t>ケイ</t>
    </rPh>
    <phoneticPr fontId="27"/>
  </si>
  <si>
    <t>（人）</t>
    <rPh sb="1" eb="2">
      <t>ニン</t>
    </rPh>
    <phoneticPr fontId="27"/>
  </si>
  <si>
    <t>様式第８号</t>
    <phoneticPr fontId="27"/>
  </si>
  <si>
    <t>1年目</t>
    <rPh sb="1" eb="3">
      <t>ネンメ</t>
    </rPh>
    <phoneticPr fontId="27"/>
  </si>
  <si>
    <t>2年目</t>
    <rPh sb="1" eb="3">
      <t>ネンメ</t>
    </rPh>
    <phoneticPr fontId="27"/>
  </si>
  <si>
    <t>3年目</t>
    <rPh sb="1" eb="3">
      <t>ネンメ</t>
    </rPh>
    <phoneticPr fontId="27"/>
  </si>
  <si>
    <t>4年目</t>
    <rPh sb="1" eb="3">
      <t>ネンメ</t>
    </rPh>
    <phoneticPr fontId="27"/>
  </si>
  <si>
    <t>5年目</t>
    <rPh sb="1" eb="3">
      <t>ネンメ</t>
    </rPh>
    <phoneticPr fontId="27"/>
  </si>
  <si>
    <t>6年目</t>
    <rPh sb="1" eb="3">
      <t>ネンメ</t>
    </rPh>
    <phoneticPr fontId="27"/>
  </si>
  <si>
    <t>7年目</t>
    <rPh sb="1" eb="3">
      <t>ネンメ</t>
    </rPh>
    <phoneticPr fontId="27"/>
  </si>
  <si>
    <t>8年目</t>
    <rPh sb="1" eb="3">
      <t>ネンメ</t>
    </rPh>
    <phoneticPr fontId="27"/>
  </si>
  <si>
    <t>9年目</t>
    <rPh sb="1" eb="3">
      <t>ネンメ</t>
    </rPh>
    <phoneticPr fontId="27"/>
  </si>
  <si>
    <t>10年目</t>
    <rPh sb="2" eb="4">
      <t>ネンメ</t>
    </rPh>
    <phoneticPr fontId="27"/>
  </si>
  <si>
    <t>11年目</t>
    <rPh sb="2" eb="4">
      <t>ネンメ</t>
    </rPh>
    <phoneticPr fontId="27"/>
  </si>
  <si>
    <t>12年目</t>
    <rPh sb="2" eb="4">
      <t>ネンメ</t>
    </rPh>
    <phoneticPr fontId="27"/>
  </si>
  <si>
    <t>13年目</t>
    <rPh sb="2" eb="4">
      <t>ネンメ</t>
    </rPh>
    <phoneticPr fontId="27"/>
  </si>
  <si>
    <t>14年目</t>
    <rPh sb="2" eb="4">
      <t>ネンメ</t>
    </rPh>
    <phoneticPr fontId="27"/>
  </si>
  <si>
    <t>15年目</t>
    <rPh sb="2" eb="4">
      <t>ネンメ</t>
    </rPh>
    <phoneticPr fontId="27"/>
  </si>
  <si>
    <t>16年目</t>
    <rPh sb="2" eb="4">
      <t>ネンメ</t>
    </rPh>
    <phoneticPr fontId="27"/>
  </si>
  <si>
    <t>17年目</t>
    <rPh sb="2" eb="4">
      <t>ネンメ</t>
    </rPh>
    <phoneticPr fontId="27"/>
  </si>
  <si>
    <t>18年目</t>
    <rPh sb="2" eb="4">
      <t>ネンメ</t>
    </rPh>
    <phoneticPr fontId="27"/>
  </si>
  <si>
    <t>19年目</t>
    <rPh sb="2" eb="4">
      <t>ネンメ</t>
    </rPh>
    <phoneticPr fontId="27"/>
  </si>
  <si>
    <t>20年目</t>
    <rPh sb="2" eb="4">
      <t>ネンメ</t>
    </rPh>
    <phoneticPr fontId="27"/>
  </si>
  <si>
    <t>様式第９号</t>
    <phoneticPr fontId="27"/>
  </si>
  <si>
    <t>平成29年度</t>
    <rPh sb="0" eb="2">
      <t>ヘイセイ</t>
    </rPh>
    <rPh sb="4" eb="6">
      <t>ネンド</t>
    </rPh>
    <phoneticPr fontId="27"/>
  </si>
  <si>
    <t>様式第６号</t>
    <phoneticPr fontId="27"/>
  </si>
  <si>
    <t>様式第10号</t>
    <phoneticPr fontId="27"/>
  </si>
  <si>
    <t>様式第11号</t>
    <rPh sb="5" eb="6">
      <t>ゴウ</t>
    </rPh>
    <phoneticPr fontId="27"/>
  </si>
  <si>
    <t>様式第12号</t>
    <phoneticPr fontId="27"/>
  </si>
  <si>
    <t>○アンケート　公設公営方式を採用した場合の人員体制</t>
    <rPh sb="21" eb="23">
      <t>ジンイン</t>
    </rPh>
    <rPh sb="23" eb="25">
      <t>タイセイ</t>
    </rPh>
    <phoneticPr fontId="27"/>
  </si>
  <si>
    <t>　公設公営方式（運営に関しては、運転管理業務、補修工事等を個別に単年度委託とする）を採用した場合、ＤＢＯ方式により長期的に一括で発注した場合と比べて、金額がどの程度（●％増　等）異なるか回答してください。また理由について、できるだけわかりやすく記載してください。</t>
    <rPh sb="1" eb="3">
      <t>コウセツ</t>
    </rPh>
    <rPh sb="3" eb="5">
      <t>コウエイ</t>
    </rPh>
    <rPh sb="5" eb="7">
      <t>ホウシキ</t>
    </rPh>
    <rPh sb="16" eb="18">
      <t>ウンテン</t>
    </rPh>
    <rPh sb="18" eb="20">
      <t>カンリ</t>
    </rPh>
    <rPh sb="20" eb="22">
      <t>ギョウム</t>
    </rPh>
    <rPh sb="23" eb="25">
      <t>ホシュウ</t>
    </rPh>
    <rPh sb="25" eb="27">
      <t>コウジ</t>
    </rPh>
    <rPh sb="27" eb="28">
      <t>トウ</t>
    </rPh>
    <rPh sb="29" eb="31">
      <t>コベツ</t>
    </rPh>
    <rPh sb="42" eb="44">
      <t>サイヨウ</t>
    </rPh>
    <rPh sb="46" eb="48">
      <t>バアイ</t>
    </rPh>
    <rPh sb="57" eb="59">
      <t>チョウキ</t>
    </rPh>
    <rPh sb="59" eb="60">
      <t>テキ</t>
    </rPh>
    <rPh sb="61" eb="63">
      <t>イッカツ</t>
    </rPh>
    <rPh sb="64" eb="66">
      <t>ハッチュウ</t>
    </rPh>
    <rPh sb="68" eb="70">
      <t>バアイ</t>
    </rPh>
    <rPh sb="71" eb="72">
      <t>クラ</t>
    </rPh>
    <rPh sb="80" eb="82">
      <t>テイド</t>
    </rPh>
    <rPh sb="85" eb="86">
      <t>ゾウ</t>
    </rPh>
    <rPh sb="87" eb="88">
      <t>トウ</t>
    </rPh>
    <rPh sb="93" eb="95">
      <t>カイトウ</t>
    </rPh>
    <phoneticPr fontId="27"/>
  </si>
  <si>
    <t>　公設公営方式により、エネルギー回収型廃棄物処理施設の運転管理等業務を単年度委託した場合の人員体制をご回答ください。</t>
    <rPh sb="1" eb="3">
      <t>コウセツ</t>
    </rPh>
    <rPh sb="3" eb="5">
      <t>コウエイ</t>
    </rPh>
    <rPh sb="5" eb="7">
      <t>ホウシキ</t>
    </rPh>
    <rPh sb="27" eb="29">
      <t>ウンテン</t>
    </rPh>
    <rPh sb="29" eb="31">
      <t>カンリ</t>
    </rPh>
    <rPh sb="31" eb="32">
      <t>トウ</t>
    </rPh>
    <rPh sb="32" eb="34">
      <t>ギョウム</t>
    </rPh>
    <rPh sb="35" eb="38">
      <t>タンネンド</t>
    </rPh>
    <rPh sb="38" eb="40">
      <t>イタク</t>
    </rPh>
    <rPh sb="42" eb="44">
      <t>バアイ</t>
    </rPh>
    <rPh sb="45" eb="47">
      <t>ジンイン</t>
    </rPh>
    <rPh sb="47" eb="49">
      <t>タイセイ</t>
    </rPh>
    <rPh sb="51" eb="53">
      <t>カイトウ</t>
    </rPh>
    <phoneticPr fontId="27"/>
  </si>
  <si>
    <t>様式第７号</t>
    <phoneticPr fontId="27"/>
  </si>
  <si>
    <t>※：職種は、様式第７号のＤＢＯ方式の場合の人員体制と対比できるように記載すること。</t>
    <rPh sb="2" eb="4">
      <t>ショクシュ</t>
    </rPh>
    <rPh sb="6" eb="8">
      <t>ヨウシキ</t>
    </rPh>
    <rPh sb="8" eb="9">
      <t>ダイ</t>
    </rPh>
    <rPh sb="10" eb="11">
      <t>ゴウ</t>
    </rPh>
    <rPh sb="15" eb="17">
      <t>ホウシキ</t>
    </rPh>
    <rPh sb="18" eb="20">
      <t>バアイ</t>
    </rPh>
    <rPh sb="21" eb="23">
      <t>ジンイン</t>
    </rPh>
    <rPh sb="23" eb="25">
      <t>タイセイ</t>
    </rPh>
    <rPh sb="26" eb="28">
      <t>タイヒ</t>
    </rPh>
    <rPh sb="34" eb="36">
      <t>キサイ</t>
    </rPh>
    <phoneticPr fontId="27"/>
  </si>
  <si>
    <t>平成２８年７月２1日</t>
    <rPh sb="9" eb="10">
      <t>ニチ</t>
    </rPh>
    <phoneticPr fontId="27"/>
  </si>
  <si>
    <t>様式第４号－１</t>
    <phoneticPr fontId="27"/>
  </si>
  <si>
    <t>○エネルギー回収型廃棄物処理施設　運営費（ＤＢＯ）【運営期間20年間】</t>
    <rPh sb="26" eb="28">
      <t>ウンエイ</t>
    </rPh>
    <rPh sb="28" eb="30">
      <t>キカン</t>
    </rPh>
    <rPh sb="32" eb="33">
      <t>ネン</t>
    </rPh>
    <rPh sb="33" eb="34">
      <t>カン</t>
    </rPh>
    <phoneticPr fontId="27"/>
  </si>
  <si>
    <t>様式第４号－２</t>
    <phoneticPr fontId="27"/>
  </si>
  <si>
    <t>○エネルギー回収型廃棄物処理施設　運営費（ＤＢＯ）【運営期間15年間】</t>
    <rPh sb="26" eb="28">
      <t>ウンエイ</t>
    </rPh>
    <rPh sb="28" eb="30">
      <t>キカン</t>
    </rPh>
    <rPh sb="32" eb="33">
      <t>ネン</t>
    </rPh>
    <rPh sb="33" eb="34">
      <t>カン</t>
    </rPh>
    <phoneticPr fontId="27"/>
  </si>
  <si>
    <t>○ＳＰＣの事業収支計画（ＤＢＯ）【運営期間20年間】</t>
    <rPh sb="17" eb="19">
      <t>ウンエイ</t>
    </rPh>
    <rPh sb="19" eb="21">
      <t>キカン</t>
    </rPh>
    <rPh sb="23" eb="24">
      <t>ネン</t>
    </rPh>
    <rPh sb="24" eb="25">
      <t>カン</t>
    </rPh>
    <phoneticPr fontId="27"/>
  </si>
</sst>
</file>

<file path=xl/styles.xml><?xml version="1.0" encoding="utf-8"?>
<styleSheet xmlns="http://schemas.openxmlformats.org/spreadsheetml/2006/main" xmlns:mc="http://schemas.openxmlformats.org/markup-compatibility/2006" xmlns:x14ac="http://schemas.microsoft.com/office/spreadsheetml/2009/9/ac" mc:Ignorable="x14ac">
  <numFmts count="12">
    <numFmt numFmtId="6" formatCode="&quot;¥&quot;#,##0;[Red]&quot;¥&quot;\-#,##0"/>
    <numFmt numFmtId="41" formatCode="_ * #,##0_ ;_ * \-#,##0_ ;_ * &quot;-&quot;_ ;_ @_ "/>
    <numFmt numFmtId="43" formatCode="_ * #,##0.00_ ;_ * \-#,##0.00_ ;_ * &quot;-&quot;??_ ;_ @_ "/>
    <numFmt numFmtId="176" formatCode="#,##0;\-#,##0;&quot;-&quot;"/>
    <numFmt numFmtId="177" formatCode="&quot;$&quot;#,##0_);[Red]\(&quot;$&quot;#,##0\)"/>
    <numFmt numFmtId="178" formatCode="&quot;$&quot;#,##0.00_);[Red]\(&quot;$&quot;#,##0.00\)"/>
    <numFmt numFmtId="179" formatCode="#,##0&quot; $&quot;;[Red]\-#,##0&quot; $&quot;"/>
    <numFmt numFmtId="180" formatCode="_(&quot;$&quot;* #,##0_);_(&quot;$&quot;* \(#,##0\);_(&quot;$&quot;* &quot;-&quot;_);_(@_)"/>
    <numFmt numFmtId="181" formatCode="&quot;φ&quot;0.0"/>
    <numFmt numFmtId="182" formatCode="&quot;,L&quot;0"/>
    <numFmt numFmtId="183" formatCode="0.0&quot;t&quot;"/>
    <numFmt numFmtId="184" formatCode="hh:mm\ \T\K"/>
  </numFmts>
  <fonts count="57">
    <font>
      <sz val="11"/>
      <name val="ＭＳ Ｐゴシック"/>
      <family val="3"/>
      <charset val="128"/>
    </font>
    <font>
      <sz val="10"/>
      <name val="Arial"/>
      <family val="2"/>
    </font>
    <font>
      <sz val="11"/>
      <color indexed="8"/>
      <name val="ＭＳ 明朝"/>
      <family val="1"/>
      <charset val="128"/>
    </font>
    <font>
      <sz val="11"/>
      <color indexed="9"/>
      <name val="ＭＳ 明朝"/>
      <family val="1"/>
      <charset val="128"/>
    </font>
    <font>
      <sz val="11"/>
      <color indexed="60"/>
      <name val="ＭＳ 明朝"/>
      <family val="1"/>
      <charset val="128"/>
    </font>
    <font>
      <b/>
      <sz val="18"/>
      <color indexed="56"/>
      <name val="ＭＳ Ｐゴシック"/>
      <family val="3"/>
      <charset val="128"/>
    </font>
    <font>
      <b/>
      <sz val="11"/>
      <color indexed="9"/>
      <name val="ＭＳ 明朝"/>
      <family val="1"/>
      <charset val="128"/>
    </font>
    <font>
      <sz val="11"/>
      <color indexed="52"/>
      <name val="ＭＳ 明朝"/>
      <family val="1"/>
      <charset val="128"/>
    </font>
    <font>
      <sz val="11"/>
      <color indexed="62"/>
      <name val="ＭＳ 明朝"/>
      <family val="1"/>
      <charset val="128"/>
    </font>
    <font>
      <b/>
      <sz val="11"/>
      <color indexed="63"/>
      <name val="ＭＳ 明朝"/>
      <family val="1"/>
      <charset val="128"/>
    </font>
    <font>
      <sz val="11"/>
      <color indexed="20"/>
      <name val="ＭＳ 明朝"/>
      <family val="1"/>
      <charset val="128"/>
    </font>
    <font>
      <sz val="12"/>
      <name val="ＭＳ 明朝"/>
      <family val="1"/>
      <charset val="128"/>
    </font>
    <font>
      <sz val="11"/>
      <name val="ＭＳ 明朝"/>
      <family val="1"/>
      <charset val="128"/>
    </font>
    <font>
      <sz val="11"/>
      <color indexed="17"/>
      <name val="ＭＳ 明朝"/>
      <family val="1"/>
      <charset val="128"/>
    </font>
    <font>
      <b/>
      <sz val="15"/>
      <color indexed="56"/>
      <name val="ＭＳ 明朝"/>
      <family val="1"/>
      <charset val="128"/>
    </font>
    <font>
      <b/>
      <sz val="13"/>
      <color indexed="56"/>
      <name val="ＭＳ 明朝"/>
      <family val="1"/>
      <charset val="128"/>
    </font>
    <font>
      <b/>
      <sz val="11"/>
      <color indexed="56"/>
      <name val="ＭＳ 明朝"/>
      <family val="1"/>
      <charset val="128"/>
    </font>
    <font>
      <b/>
      <sz val="11"/>
      <color indexed="52"/>
      <name val="ＭＳ 明朝"/>
      <family val="1"/>
      <charset val="128"/>
    </font>
    <font>
      <i/>
      <sz val="11"/>
      <color indexed="23"/>
      <name val="ＭＳ 明朝"/>
      <family val="1"/>
      <charset val="128"/>
    </font>
    <font>
      <sz val="11"/>
      <color indexed="10"/>
      <name val="ＭＳ 明朝"/>
      <family val="1"/>
      <charset val="128"/>
    </font>
    <font>
      <b/>
      <sz val="11"/>
      <color indexed="8"/>
      <name val="ＭＳ 明朝"/>
      <family val="1"/>
      <charset val="128"/>
    </font>
    <font>
      <sz val="16"/>
      <name val="ＭＳ 明朝"/>
      <family val="1"/>
      <charset val="128"/>
    </font>
    <font>
      <sz val="11"/>
      <name val="ＭＳ ゴシック"/>
      <family val="3"/>
      <charset val="128"/>
    </font>
    <font>
      <sz val="14"/>
      <name val="ＭＳ ゴシック"/>
      <family val="3"/>
      <charset val="128"/>
    </font>
    <font>
      <sz val="10.5"/>
      <name val="ＭＳ 明朝"/>
      <family val="1"/>
      <charset val="128"/>
    </font>
    <font>
      <sz val="10"/>
      <name val="ＭＳ 明朝"/>
      <family val="1"/>
      <charset val="128"/>
    </font>
    <font>
      <sz val="9"/>
      <name val="ＭＳ 明朝"/>
      <family val="1"/>
      <charset val="128"/>
    </font>
    <font>
      <sz val="6"/>
      <name val="ＭＳ Ｐゴシック"/>
      <family val="3"/>
      <charset val="128"/>
    </font>
    <font>
      <sz val="11"/>
      <name val="ＭＳ Ｐゴシック"/>
      <family val="3"/>
      <charset val="128"/>
    </font>
    <font>
      <b/>
      <sz val="18"/>
      <name val="ＭＳ Ｐゴシック"/>
      <family val="3"/>
      <charset val="128"/>
    </font>
    <font>
      <sz val="22"/>
      <name val="ＭＳ ゴシック"/>
      <family val="3"/>
      <charset val="128"/>
    </font>
    <font>
      <sz val="6"/>
      <name val="ＭＳ 明朝"/>
      <family val="1"/>
      <charset val="128"/>
    </font>
    <font>
      <sz val="10"/>
      <color indexed="8"/>
      <name val="Arial"/>
      <family val="2"/>
    </font>
    <font>
      <sz val="10"/>
      <name val="MS Sans Serif"/>
      <family val="2"/>
    </font>
    <font>
      <sz val="9"/>
      <name val="Times New Roman"/>
      <family val="1"/>
    </font>
    <font>
      <sz val="8"/>
      <name val="Arial"/>
      <family val="2"/>
    </font>
    <font>
      <b/>
      <sz val="12"/>
      <name val="Arial"/>
      <family val="2"/>
    </font>
    <font>
      <sz val="10"/>
      <name val="ＭＳ Ｐゴシック"/>
      <family val="3"/>
      <charset val="128"/>
    </font>
    <font>
      <sz val="8"/>
      <color indexed="16"/>
      <name val="Century Schoolbook"/>
      <family val="1"/>
    </font>
    <font>
      <sz val="14"/>
      <name val="System"/>
      <family val="2"/>
    </font>
    <font>
      <b/>
      <i/>
      <sz val="10"/>
      <name val="Times New Roman"/>
      <family val="1"/>
    </font>
    <font>
      <b/>
      <sz val="11"/>
      <name val="Helv"/>
      <family val="2"/>
    </font>
    <font>
      <b/>
      <sz val="9"/>
      <name val="Times New Roman"/>
      <family val="1"/>
    </font>
    <font>
      <sz val="10"/>
      <color indexed="8"/>
      <name val="ＭＳ Ｐゴシック"/>
      <family val="3"/>
      <charset val="128"/>
    </font>
    <font>
      <sz val="12"/>
      <name val="ＭＳ Ｐ明朝"/>
      <family val="1"/>
      <charset val="128"/>
    </font>
    <font>
      <u/>
      <sz val="10"/>
      <name val="ＭＳ Ｐ明朝"/>
      <family val="1"/>
      <charset val="128"/>
    </font>
    <font>
      <sz val="12"/>
      <name val="Osaka"/>
      <family val="3"/>
      <charset val="128"/>
    </font>
    <font>
      <b/>
      <sz val="20"/>
      <name val="ＭＳ Ｐゴシック"/>
      <family val="3"/>
      <charset val="128"/>
    </font>
    <font>
      <b/>
      <sz val="18"/>
      <name val="ＭＳ Ｐゴシック"/>
      <family val="3"/>
      <charset val="128"/>
      <scheme val="minor"/>
    </font>
    <font>
      <sz val="18"/>
      <name val="ＭＳ Ｐゴシック"/>
      <family val="3"/>
      <charset val="128"/>
    </font>
    <font>
      <sz val="20"/>
      <name val="ＭＳ ゴシック"/>
      <family val="3"/>
      <charset val="128"/>
    </font>
    <font>
      <sz val="11"/>
      <name val="ＭＳ Ｐ明朝"/>
      <family val="1"/>
      <charset val="128"/>
    </font>
    <font>
      <sz val="16"/>
      <name val="ＭＳ Ｐ明朝"/>
      <family val="1"/>
      <charset val="128"/>
    </font>
    <font>
      <sz val="10"/>
      <name val="ＭＳ Ｐ明朝"/>
      <family val="1"/>
      <charset val="128"/>
    </font>
    <font>
      <sz val="10"/>
      <color indexed="12"/>
      <name val="ＭＳ Ｐ明朝"/>
      <family val="1"/>
      <charset val="128"/>
    </font>
    <font>
      <sz val="9"/>
      <name val="ＭＳ Ｐ明朝"/>
      <family val="1"/>
      <charset val="128"/>
    </font>
    <font>
      <sz val="14"/>
      <name val="ＭＳ 明朝"/>
      <family val="1"/>
      <charset val="128"/>
    </font>
  </fonts>
  <fills count="29">
    <fill>
      <patternFill patternType="none"/>
    </fill>
    <fill>
      <patternFill patternType="gray125"/>
    </fill>
    <fill>
      <patternFill patternType="solid">
        <fgColor indexed="31"/>
        <bgColor indexed="22"/>
      </patternFill>
    </fill>
    <fill>
      <patternFill patternType="solid">
        <fgColor indexed="45"/>
        <bgColor indexed="29"/>
      </patternFill>
    </fill>
    <fill>
      <patternFill patternType="solid">
        <fgColor indexed="42"/>
        <bgColor indexed="27"/>
      </patternFill>
    </fill>
    <fill>
      <patternFill patternType="solid">
        <fgColor indexed="46"/>
        <bgColor indexed="24"/>
      </patternFill>
    </fill>
    <fill>
      <patternFill patternType="solid">
        <fgColor indexed="27"/>
        <bgColor indexed="41"/>
      </patternFill>
    </fill>
    <fill>
      <patternFill patternType="solid">
        <fgColor indexed="47"/>
        <bgColor indexed="22"/>
      </patternFill>
    </fill>
    <fill>
      <patternFill patternType="solid">
        <fgColor indexed="44"/>
        <bgColor indexed="31"/>
      </patternFill>
    </fill>
    <fill>
      <patternFill patternType="solid">
        <fgColor indexed="29"/>
        <bgColor indexed="45"/>
      </patternFill>
    </fill>
    <fill>
      <patternFill patternType="solid">
        <fgColor indexed="11"/>
        <bgColor indexed="49"/>
      </patternFill>
    </fill>
    <fill>
      <patternFill patternType="solid">
        <fgColor indexed="51"/>
        <bgColor indexed="13"/>
      </patternFill>
    </fill>
    <fill>
      <patternFill patternType="solid">
        <fgColor indexed="30"/>
        <bgColor indexed="21"/>
      </patternFill>
    </fill>
    <fill>
      <patternFill patternType="solid">
        <fgColor indexed="20"/>
        <bgColor indexed="36"/>
      </patternFill>
    </fill>
    <fill>
      <patternFill patternType="solid">
        <fgColor indexed="49"/>
        <bgColor indexed="40"/>
      </patternFill>
    </fill>
    <fill>
      <patternFill patternType="solid">
        <fgColor indexed="52"/>
        <bgColor indexed="51"/>
      </patternFill>
    </fill>
    <fill>
      <patternFill patternType="solid">
        <fgColor indexed="22"/>
        <bgColor indexed="64"/>
      </patternFill>
    </fill>
    <fill>
      <patternFill patternType="solid">
        <fgColor indexed="26"/>
        <bgColor indexed="64"/>
      </patternFill>
    </fill>
    <fill>
      <patternFill patternType="solid">
        <fgColor indexed="62"/>
        <bgColor indexed="56"/>
      </patternFill>
    </fill>
    <fill>
      <patternFill patternType="solid">
        <fgColor indexed="10"/>
        <bgColor indexed="60"/>
      </patternFill>
    </fill>
    <fill>
      <patternFill patternType="solid">
        <fgColor indexed="57"/>
        <bgColor indexed="21"/>
      </patternFill>
    </fill>
    <fill>
      <patternFill patternType="solid">
        <fgColor indexed="53"/>
        <bgColor indexed="52"/>
      </patternFill>
    </fill>
    <fill>
      <patternFill patternType="solid">
        <fgColor indexed="42"/>
        <bgColor indexed="64"/>
      </patternFill>
    </fill>
    <fill>
      <patternFill patternType="solid">
        <fgColor indexed="55"/>
        <bgColor indexed="23"/>
      </patternFill>
    </fill>
    <fill>
      <patternFill patternType="solid">
        <fgColor indexed="43"/>
        <bgColor indexed="26"/>
      </patternFill>
    </fill>
    <fill>
      <patternFill patternType="solid">
        <fgColor indexed="43"/>
        <bgColor indexed="64"/>
      </patternFill>
    </fill>
    <fill>
      <patternFill patternType="solid">
        <fgColor indexed="26"/>
        <bgColor indexed="9"/>
      </patternFill>
    </fill>
    <fill>
      <patternFill patternType="solid">
        <fgColor indexed="22"/>
        <bgColor indexed="31"/>
      </patternFill>
    </fill>
    <fill>
      <patternFill patternType="solid">
        <fgColor indexed="15"/>
        <bgColor indexed="64"/>
      </patternFill>
    </fill>
  </fills>
  <borders count="170">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double">
        <color indexed="64"/>
      </left>
      <right style="double">
        <color indexed="64"/>
      </right>
      <top style="thin">
        <color indexed="64"/>
      </top>
      <bottom style="thin">
        <color indexed="64"/>
      </bottom>
      <diagonal/>
    </border>
    <border>
      <left style="hair">
        <color indexed="8"/>
      </left>
      <right style="thin">
        <color indexed="8"/>
      </right>
      <top style="thin">
        <color indexed="8"/>
      </top>
      <bottom style="hair">
        <color indexed="8"/>
      </bottom>
      <diagonal/>
    </border>
    <border>
      <left style="hair">
        <color indexed="8"/>
      </left>
      <right style="thin">
        <color indexed="8"/>
      </right>
      <top style="hair">
        <color indexed="8"/>
      </top>
      <bottom style="hair">
        <color indexed="8"/>
      </bottom>
      <diagonal/>
    </border>
    <border>
      <left style="hair">
        <color indexed="8"/>
      </left>
      <right style="thin">
        <color indexed="8"/>
      </right>
      <top style="hair">
        <color indexed="8"/>
      </top>
      <bottom style="thin">
        <color indexed="8"/>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style="hair">
        <color indexed="8"/>
      </left>
      <right style="hair">
        <color indexed="8"/>
      </right>
      <top/>
      <bottom style="hair">
        <color indexed="8"/>
      </bottom>
      <diagonal/>
    </border>
    <border>
      <left style="hair">
        <color indexed="8"/>
      </left>
      <right style="thin">
        <color indexed="8"/>
      </right>
      <top/>
      <bottom style="hair">
        <color indexed="8"/>
      </bottom>
      <diagonal/>
    </border>
    <border>
      <left style="hair">
        <color indexed="8"/>
      </left>
      <right style="hair">
        <color indexed="8"/>
      </right>
      <top style="hair">
        <color indexed="8"/>
      </top>
      <bottom style="hair">
        <color indexed="8"/>
      </bottom>
      <diagonal/>
    </border>
    <border>
      <left style="thin">
        <color indexed="8"/>
      </left>
      <right style="thin">
        <color indexed="8"/>
      </right>
      <top style="thin">
        <color indexed="8"/>
      </top>
      <bottom style="thin">
        <color indexed="8"/>
      </bottom>
      <diagonal/>
    </border>
    <border>
      <left style="hair">
        <color indexed="8"/>
      </left>
      <right/>
      <top style="hair">
        <color indexed="8"/>
      </top>
      <bottom style="hair">
        <color indexed="8"/>
      </bottom>
      <diagonal/>
    </border>
    <border>
      <left/>
      <right/>
      <top style="hair">
        <color indexed="8"/>
      </top>
      <bottom style="hair">
        <color indexed="8"/>
      </bottom>
      <diagonal/>
    </border>
    <border>
      <left style="thin">
        <color indexed="8"/>
      </left>
      <right style="thin">
        <color indexed="8"/>
      </right>
      <top/>
      <bottom style="hair">
        <color indexed="8"/>
      </bottom>
      <diagonal/>
    </border>
    <border>
      <left style="hair">
        <color indexed="8"/>
      </left>
      <right/>
      <top style="hair">
        <color indexed="8"/>
      </top>
      <bottom/>
      <diagonal/>
    </border>
    <border>
      <left style="thin">
        <color indexed="8"/>
      </left>
      <right style="thin">
        <color indexed="8"/>
      </right>
      <top style="hair">
        <color indexed="8"/>
      </top>
      <bottom style="hair">
        <color indexed="8"/>
      </bottom>
      <diagonal/>
    </border>
    <border>
      <left style="thin">
        <color indexed="8"/>
      </left>
      <right style="thin">
        <color indexed="8"/>
      </right>
      <top style="hair">
        <color indexed="8"/>
      </top>
      <bottom/>
      <diagonal/>
    </border>
    <border>
      <left style="hair">
        <color indexed="8"/>
      </left>
      <right/>
      <top/>
      <bottom style="hair">
        <color indexed="8"/>
      </bottom>
      <diagonal/>
    </border>
    <border>
      <left/>
      <right/>
      <top/>
      <bottom style="hair">
        <color indexed="8"/>
      </bottom>
      <diagonal/>
    </border>
    <border>
      <left style="thin">
        <color indexed="8"/>
      </left>
      <right style="thin">
        <color indexed="8"/>
      </right>
      <top/>
      <bottom/>
      <diagonal/>
    </border>
    <border>
      <left style="hair">
        <color indexed="8"/>
      </left>
      <right/>
      <top/>
      <bottom/>
      <diagonal/>
    </border>
    <border>
      <left style="hair">
        <color indexed="8"/>
      </left>
      <right/>
      <top style="hair">
        <color indexed="8"/>
      </top>
      <bottom style="thin">
        <color indexed="8"/>
      </bottom>
      <diagonal/>
    </border>
    <border>
      <left style="thin">
        <color indexed="8"/>
      </left>
      <right style="thin">
        <color indexed="8"/>
      </right>
      <top style="hair">
        <color indexed="8"/>
      </top>
      <bottom style="thin">
        <color indexed="8"/>
      </bottom>
      <diagonal/>
    </border>
    <border>
      <left style="thin">
        <color indexed="8"/>
      </left>
      <right style="thin">
        <color indexed="8"/>
      </right>
      <top style="thin">
        <color indexed="8"/>
      </top>
      <bottom style="double">
        <color indexed="8"/>
      </bottom>
      <diagonal/>
    </border>
    <border>
      <left style="thin">
        <color indexed="8"/>
      </left>
      <right style="thin">
        <color indexed="8"/>
      </right>
      <top style="double">
        <color indexed="8"/>
      </top>
      <bottom style="thin">
        <color indexed="8"/>
      </bottom>
      <diagonal/>
    </border>
    <border>
      <left style="thin">
        <color indexed="8"/>
      </left>
      <right style="thin">
        <color indexed="8"/>
      </right>
      <top style="double">
        <color indexed="8"/>
      </top>
      <bottom style="double">
        <color indexed="8"/>
      </bottom>
      <diagonal/>
    </border>
    <border>
      <left style="thin">
        <color indexed="8"/>
      </left>
      <right/>
      <top style="thin">
        <color indexed="8"/>
      </top>
      <bottom/>
      <diagonal/>
    </border>
    <border>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style="thin">
        <color indexed="8"/>
      </right>
      <top style="thin">
        <color indexed="8"/>
      </top>
      <bottom/>
      <diagonal/>
    </border>
    <border>
      <left/>
      <right style="thin">
        <color indexed="8"/>
      </right>
      <top/>
      <bottom/>
      <diagonal/>
    </border>
    <border>
      <left/>
      <right style="thin">
        <color indexed="8"/>
      </right>
      <top style="thin">
        <color indexed="8"/>
      </top>
      <bottom style="hair">
        <color indexed="8"/>
      </bottom>
      <diagonal/>
    </border>
    <border>
      <left style="thin">
        <color indexed="8"/>
      </left>
      <right style="thin">
        <color indexed="8"/>
      </right>
      <top style="thin">
        <color indexed="8"/>
      </top>
      <bottom style="hair">
        <color indexed="8"/>
      </bottom>
      <diagonal/>
    </border>
    <border>
      <left/>
      <right style="thin">
        <color indexed="8"/>
      </right>
      <top/>
      <bottom style="hair">
        <color indexed="8"/>
      </bottom>
      <diagonal/>
    </border>
    <border>
      <left/>
      <right style="thin">
        <color indexed="8"/>
      </right>
      <top style="hair">
        <color indexed="8"/>
      </top>
      <bottom/>
      <diagonal/>
    </border>
    <border>
      <left/>
      <right/>
      <top style="thin">
        <color indexed="8"/>
      </top>
      <bottom/>
      <diagonal/>
    </border>
    <border>
      <left style="thin">
        <color indexed="8"/>
      </left>
      <right/>
      <top style="thin">
        <color indexed="8"/>
      </top>
      <bottom style="hair">
        <color indexed="8"/>
      </bottom>
      <diagonal/>
    </border>
    <border>
      <left style="thin">
        <color indexed="8"/>
      </left>
      <right/>
      <top/>
      <bottom style="hair">
        <color indexed="8"/>
      </bottom>
      <diagonal/>
    </border>
    <border>
      <left style="thin">
        <color indexed="8"/>
      </left>
      <right/>
      <top style="hair">
        <color indexed="8"/>
      </top>
      <bottom style="hair">
        <color indexed="8"/>
      </bottom>
      <diagonal/>
    </border>
    <border>
      <left style="thin">
        <color indexed="8"/>
      </left>
      <right/>
      <top style="hair">
        <color indexed="8"/>
      </top>
      <bottom/>
      <diagonal/>
    </border>
    <border>
      <left/>
      <right/>
      <top style="thin">
        <color indexed="8"/>
      </top>
      <bottom style="thin">
        <color indexed="8"/>
      </bottom>
      <diagonal/>
    </border>
    <border>
      <left style="thin">
        <color indexed="8"/>
      </left>
      <right/>
      <top/>
      <bottom/>
      <diagonal/>
    </border>
    <border>
      <left style="thin">
        <color indexed="8"/>
      </left>
      <right/>
      <top/>
      <bottom style="thin">
        <color indexed="8"/>
      </bottom>
      <diagonal/>
    </border>
    <border>
      <left/>
      <right/>
      <top/>
      <bottom style="thin">
        <color indexed="8"/>
      </bottom>
      <diagonal/>
    </border>
    <border>
      <left style="thin">
        <color indexed="8"/>
      </left>
      <right/>
      <top style="hair">
        <color indexed="8"/>
      </top>
      <bottom style="thin">
        <color indexed="8"/>
      </bottom>
      <diagonal/>
    </border>
    <border>
      <left/>
      <right style="thin">
        <color indexed="8"/>
      </right>
      <top style="hair">
        <color indexed="8"/>
      </top>
      <bottom style="thin">
        <color indexed="8"/>
      </bottom>
      <diagonal/>
    </border>
    <border>
      <left style="medium">
        <color indexed="8"/>
      </left>
      <right style="medium">
        <color indexed="8"/>
      </right>
      <top style="medium">
        <color indexed="8"/>
      </top>
      <bottom style="medium">
        <color indexed="8"/>
      </bottom>
      <diagonal/>
    </border>
    <border>
      <left style="medium">
        <color indexed="8"/>
      </left>
      <right style="thin">
        <color indexed="8"/>
      </right>
      <top style="medium">
        <color indexed="8"/>
      </top>
      <bottom style="medium">
        <color indexed="8"/>
      </bottom>
      <diagonal/>
    </border>
    <border>
      <left style="thin">
        <color indexed="8"/>
      </left>
      <right style="hair">
        <color indexed="8"/>
      </right>
      <top style="medium">
        <color indexed="8"/>
      </top>
      <bottom style="medium">
        <color indexed="8"/>
      </bottom>
      <diagonal/>
    </border>
    <border>
      <left style="hair">
        <color indexed="8"/>
      </left>
      <right style="hair">
        <color indexed="8"/>
      </right>
      <top style="medium">
        <color indexed="8"/>
      </top>
      <bottom style="medium">
        <color indexed="8"/>
      </bottom>
      <diagonal/>
    </border>
    <border>
      <left style="hair">
        <color indexed="8"/>
      </left>
      <right style="thin">
        <color indexed="8"/>
      </right>
      <top style="medium">
        <color indexed="8"/>
      </top>
      <bottom style="medium">
        <color indexed="8"/>
      </bottom>
      <diagonal/>
    </border>
    <border>
      <left/>
      <right style="medium">
        <color indexed="8"/>
      </right>
      <top style="medium">
        <color indexed="8"/>
      </top>
      <bottom style="medium">
        <color indexed="8"/>
      </bottom>
      <diagonal/>
    </border>
    <border>
      <left style="medium">
        <color indexed="8"/>
      </left>
      <right style="medium">
        <color indexed="8"/>
      </right>
      <top style="medium">
        <color indexed="8"/>
      </top>
      <bottom style="hair">
        <color indexed="8"/>
      </bottom>
      <diagonal/>
    </border>
    <border>
      <left style="medium">
        <color indexed="8"/>
      </left>
      <right style="thin">
        <color indexed="8"/>
      </right>
      <top style="medium">
        <color indexed="8"/>
      </top>
      <bottom style="hair">
        <color indexed="8"/>
      </bottom>
      <diagonal/>
    </border>
    <border>
      <left style="thin">
        <color indexed="8"/>
      </left>
      <right style="hair">
        <color indexed="8"/>
      </right>
      <top style="medium">
        <color indexed="8"/>
      </top>
      <bottom style="hair">
        <color indexed="8"/>
      </bottom>
      <diagonal/>
    </border>
    <border>
      <left style="hair">
        <color indexed="8"/>
      </left>
      <right style="hair">
        <color indexed="8"/>
      </right>
      <top style="medium">
        <color indexed="8"/>
      </top>
      <bottom style="hair">
        <color indexed="8"/>
      </bottom>
      <diagonal/>
    </border>
    <border>
      <left style="hair">
        <color indexed="8"/>
      </left>
      <right style="thin">
        <color indexed="8"/>
      </right>
      <top style="medium">
        <color indexed="8"/>
      </top>
      <bottom style="hair">
        <color indexed="8"/>
      </bottom>
      <diagonal/>
    </border>
    <border>
      <left/>
      <right style="medium">
        <color indexed="8"/>
      </right>
      <top style="medium">
        <color indexed="8"/>
      </top>
      <bottom style="hair">
        <color indexed="8"/>
      </bottom>
      <diagonal/>
    </border>
    <border>
      <left style="medium">
        <color indexed="8"/>
      </left>
      <right style="medium">
        <color indexed="8"/>
      </right>
      <top style="hair">
        <color indexed="8"/>
      </top>
      <bottom style="hair">
        <color indexed="8"/>
      </bottom>
      <diagonal/>
    </border>
    <border>
      <left style="medium">
        <color indexed="8"/>
      </left>
      <right style="thin">
        <color indexed="8"/>
      </right>
      <top style="hair">
        <color indexed="8"/>
      </top>
      <bottom style="hair">
        <color indexed="8"/>
      </bottom>
      <diagonal/>
    </border>
    <border>
      <left style="thin">
        <color indexed="8"/>
      </left>
      <right style="hair">
        <color indexed="8"/>
      </right>
      <top style="hair">
        <color indexed="8"/>
      </top>
      <bottom style="hair">
        <color indexed="8"/>
      </bottom>
      <diagonal/>
    </border>
    <border>
      <left/>
      <right style="medium">
        <color indexed="8"/>
      </right>
      <top style="hair">
        <color indexed="8"/>
      </top>
      <bottom style="hair">
        <color indexed="8"/>
      </bottom>
      <diagonal/>
    </border>
    <border>
      <left style="medium">
        <color indexed="8"/>
      </left>
      <right style="medium">
        <color indexed="8"/>
      </right>
      <top style="hair">
        <color indexed="8"/>
      </top>
      <bottom style="thin">
        <color indexed="8"/>
      </bottom>
      <diagonal/>
    </border>
    <border>
      <left style="medium">
        <color indexed="8"/>
      </left>
      <right style="thin">
        <color indexed="8"/>
      </right>
      <top style="hair">
        <color indexed="8"/>
      </top>
      <bottom style="thin">
        <color indexed="8"/>
      </bottom>
      <diagonal/>
    </border>
    <border>
      <left style="thin">
        <color indexed="8"/>
      </left>
      <right style="hair">
        <color indexed="8"/>
      </right>
      <top style="hair">
        <color indexed="8"/>
      </top>
      <bottom style="thin">
        <color indexed="8"/>
      </bottom>
      <diagonal/>
    </border>
    <border>
      <left style="hair">
        <color indexed="8"/>
      </left>
      <right style="hair">
        <color indexed="8"/>
      </right>
      <top style="hair">
        <color indexed="8"/>
      </top>
      <bottom style="thin">
        <color indexed="8"/>
      </bottom>
      <diagonal/>
    </border>
    <border>
      <left/>
      <right style="medium">
        <color indexed="8"/>
      </right>
      <top style="hair">
        <color indexed="8"/>
      </top>
      <bottom style="thin">
        <color indexed="8"/>
      </bottom>
      <diagonal/>
    </border>
    <border>
      <left style="medium">
        <color indexed="8"/>
      </left>
      <right style="medium">
        <color indexed="8"/>
      </right>
      <top style="thin">
        <color indexed="8"/>
      </top>
      <bottom style="medium">
        <color indexed="64"/>
      </bottom>
      <diagonal/>
    </border>
    <border>
      <left style="medium">
        <color indexed="8"/>
      </left>
      <right style="thin">
        <color indexed="8"/>
      </right>
      <top style="thin">
        <color indexed="8"/>
      </top>
      <bottom style="medium">
        <color indexed="64"/>
      </bottom>
      <diagonal/>
    </border>
    <border>
      <left style="thin">
        <color indexed="8"/>
      </left>
      <right style="hair">
        <color indexed="8"/>
      </right>
      <top style="thin">
        <color indexed="8"/>
      </top>
      <bottom style="medium">
        <color indexed="64"/>
      </bottom>
      <diagonal/>
    </border>
    <border>
      <left style="hair">
        <color indexed="8"/>
      </left>
      <right style="hair">
        <color indexed="8"/>
      </right>
      <top style="thin">
        <color indexed="8"/>
      </top>
      <bottom style="medium">
        <color indexed="64"/>
      </bottom>
      <diagonal/>
    </border>
    <border>
      <left style="hair">
        <color indexed="8"/>
      </left>
      <right style="thin">
        <color indexed="8"/>
      </right>
      <top style="thin">
        <color indexed="8"/>
      </top>
      <bottom style="medium">
        <color indexed="64"/>
      </bottom>
      <diagonal/>
    </border>
    <border>
      <left/>
      <right style="medium">
        <color indexed="8"/>
      </right>
      <top style="thin">
        <color indexed="8"/>
      </top>
      <bottom style="medium">
        <color indexed="64"/>
      </bottom>
      <diagonal/>
    </border>
    <border>
      <left style="thin">
        <color indexed="64"/>
      </left>
      <right style="hair">
        <color indexed="8"/>
      </right>
      <top style="thin">
        <color indexed="64"/>
      </top>
      <bottom style="thin">
        <color indexed="8"/>
      </bottom>
      <diagonal/>
    </border>
    <border>
      <left style="hair">
        <color indexed="8"/>
      </left>
      <right style="hair">
        <color indexed="8"/>
      </right>
      <top style="thin">
        <color indexed="64"/>
      </top>
      <bottom style="thin">
        <color indexed="8"/>
      </bottom>
      <diagonal/>
    </border>
    <border>
      <left style="hair">
        <color indexed="8"/>
      </left>
      <right style="thin">
        <color indexed="8"/>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style="hair">
        <color indexed="8"/>
      </right>
      <top/>
      <bottom style="hair">
        <color indexed="8"/>
      </bottom>
      <diagonal/>
    </border>
    <border>
      <left/>
      <right style="thin">
        <color indexed="64"/>
      </right>
      <top/>
      <bottom style="hair">
        <color indexed="8"/>
      </bottom>
      <diagonal/>
    </border>
    <border>
      <left style="thin">
        <color indexed="64"/>
      </left>
      <right style="hair">
        <color indexed="8"/>
      </right>
      <top style="hair">
        <color indexed="8"/>
      </top>
      <bottom style="hair">
        <color indexed="8"/>
      </bottom>
      <diagonal/>
    </border>
    <border>
      <left/>
      <right style="thin">
        <color indexed="64"/>
      </right>
      <top style="hair">
        <color indexed="8"/>
      </top>
      <bottom style="hair">
        <color indexed="8"/>
      </bottom>
      <diagonal/>
    </border>
    <border>
      <left style="thin">
        <color indexed="64"/>
      </left>
      <right style="hair">
        <color indexed="8"/>
      </right>
      <top style="hair">
        <color indexed="8"/>
      </top>
      <bottom style="thin">
        <color indexed="64"/>
      </bottom>
      <diagonal/>
    </border>
    <border>
      <left style="hair">
        <color indexed="8"/>
      </left>
      <right style="hair">
        <color indexed="8"/>
      </right>
      <top style="hair">
        <color indexed="8"/>
      </top>
      <bottom style="thin">
        <color indexed="64"/>
      </bottom>
      <diagonal/>
    </border>
    <border>
      <left style="hair">
        <color indexed="8"/>
      </left>
      <right style="thin">
        <color indexed="8"/>
      </right>
      <top style="hair">
        <color indexed="8"/>
      </top>
      <bottom style="thin">
        <color indexed="64"/>
      </bottom>
      <diagonal/>
    </border>
    <border>
      <left/>
      <right style="thin">
        <color indexed="64"/>
      </right>
      <top style="hair">
        <color indexed="8"/>
      </top>
      <bottom style="thin">
        <color indexed="64"/>
      </bottom>
      <diagonal/>
    </border>
    <border>
      <left style="thin">
        <color indexed="8"/>
      </left>
      <right style="thin">
        <color indexed="64"/>
      </right>
      <top style="thin">
        <color indexed="8"/>
      </top>
      <bottom style="thin">
        <color indexed="8"/>
      </bottom>
      <diagonal/>
    </border>
    <border>
      <left style="thin">
        <color indexed="8"/>
      </left>
      <right style="thin">
        <color indexed="64"/>
      </right>
      <top style="thin">
        <color indexed="8"/>
      </top>
      <bottom style="thin">
        <color indexed="64"/>
      </bottom>
      <diagonal/>
    </border>
    <border>
      <left style="thin">
        <color indexed="8"/>
      </left>
      <right style="hair">
        <color indexed="8"/>
      </right>
      <top style="thin">
        <color indexed="64"/>
      </top>
      <bottom style="double">
        <color indexed="8"/>
      </bottom>
      <diagonal/>
    </border>
    <border>
      <left style="hair">
        <color indexed="8"/>
      </left>
      <right style="hair">
        <color indexed="8"/>
      </right>
      <top style="thin">
        <color indexed="64"/>
      </top>
      <bottom style="double">
        <color indexed="8"/>
      </bottom>
      <diagonal/>
    </border>
    <border>
      <left style="hair">
        <color indexed="8"/>
      </left>
      <right style="thin">
        <color indexed="8"/>
      </right>
      <top style="thin">
        <color indexed="64"/>
      </top>
      <bottom style="double">
        <color indexed="8"/>
      </bottom>
      <diagonal/>
    </border>
    <border>
      <left style="thin">
        <color indexed="8"/>
      </left>
      <right style="hair">
        <color indexed="8"/>
      </right>
      <top style="thin">
        <color indexed="8"/>
      </top>
      <bottom style="thin">
        <color indexed="8"/>
      </bottom>
      <diagonal/>
    </border>
    <border>
      <left style="hair">
        <color indexed="8"/>
      </left>
      <right style="hair">
        <color indexed="8"/>
      </right>
      <top style="thin">
        <color indexed="8"/>
      </top>
      <bottom style="thin">
        <color indexed="8"/>
      </bottom>
      <diagonal/>
    </border>
    <border>
      <left style="hair">
        <color indexed="8"/>
      </left>
      <right style="thin">
        <color indexed="8"/>
      </right>
      <top style="thin">
        <color indexed="8"/>
      </top>
      <bottom style="thin">
        <color indexed="8"/>
      </bottom>
      <diagonal/>
    </border>
    <border>
      <left style="thin">
        <color indexed="8"/>
      </left>
      <right style="hair">
        <color indexed="8"/>
      </right>
      <top style="thin">
        <color indexed="8"/>
      </top>
      <bottom style="thin">
        <color indexed="64"/>
      </bottom>
      <diagonal/>
    </border>
    <border>
      <left style="hair">
        <color indexed="8"/>
      </left>
      <right style="hair">
        <color indexed="8"/>
      </right>
      <top style="thin">
        <color indexed="8"/>
      </top>
      <bottom style="thin">
        <color indexed="64"/>
      </bottom>
      <diagonal/>
    </border>
    <border>
      <left style="hair">
        <color indexed="8"/>
      </left>
      <right style="thin">
        <color indexed="8"/>
      </right>
      <top style="thin">
        <color indexed="8"/>
      </top>
      <bottom style="thin">
        <color indexed="64"/>
      </bottom>
      <diagonal/>
    </border>
    <border>
      <left/>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right/>
      <top/>
      <bottom style="thick">
        <color indexed="64"/>
      </bottom>
      <diagonal/>
    </border>
    <border>
      <left style="thin">
        <color indexed="8"/>
      </left>
      <right/>
      <top style="thin">
        <color indexed="8"/>
      </top>
      <bottom style="thin">
        <color indexed="64"/>
      </bottom>
      <diagonal/>
    </border>
    <border>
      <left/>
      <right style="thin">
        <color indexed="64"/>
      </right>
      <top style="double">
        <color indexed="64"/>
      </top>
      <bottom/>
      <diagonal/>
    </border>
    <border>
      <left/>
      <right style="thin">
        <color indexed="8"/>
      </right>
      <top style="hair">
        <color indexed="8"/>
      </top>
      <bottom style="hair">
        <color indexed="8"/>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8"/>
      </left>
      <right/>
      <top style="double">
        <color indexed="8"/>
      </top>
      <bottom style="thin">
        <color indexed="8"/>
      </bottom>
      <diagonal/>
    </border>
    <border>
      <left style="thin">
        <color indexed="64"/>
      </left>
      <right/>
      <top style="thin">
        <color indexed="8"/>
      </top>
      <bottom style="thin">
        <color indexed="8"/>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8"/>
      </left>
      <right/>
      <top style="thin">
        <color indexed="8"/>
      </top>
      <bottom style="double">
        <color indexed="8"/>
      </bottom>
      <diagonal/>
    </border>
    <border>
      <left style="thin">
        <color indexed="8"/>
      </left>
      <right style="hair">
        <color indexed="8"/>
      </right>
      <top/>
      <bottom/>
      <diagonal/>
    </border>
    <border>
      <left style="thin">
        <color indexed="8"/>
      </left>
      <right style="hair">
        <color indexed="8"/>
      </right>
      <top style="thin">
        <color indexed="8"/>
      </top>
      <bottom/>
      <diagonal/>
    </border>
    <border>
      <left style="thin">
        <color indexed="64"/>
      </left>
      <right/>
      <top style="thin">
        <color indexed="64"/>
      </top>
      <bottom style="thin">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style="thin">
        <color indexed="8"/>
      </left>
      <right style="thin">
        <color indexed="8"/>
      </right>
      <top/>
      <bottom style="double">
        <color indexed="8"/>
      </bottom>
      <diagonal/>
    </border>
    <border>
      <left/>
      <right style="thin">
        <color indexed="8"/>
      </right>
      <top style="thin">
        <color indexed="64"/>
      </top>
      <bottom style="thin">
        <color indexed="64"/>
      </bottom>
      <diagonal/>
    </border>
    <border>
      <left style="thin">
        <color indexed="64"/>
      </left>
      <right style="thin">
        <color indexed="8"/>
      </right>
      <top style="thin">
        <color indexed="8"/>
      </top>
      <bottom style="thin">
        <color indexed="8"/>
      </bottom>
      <diagonal/>
    </border>
    <border>
      <left style="thin">
        <color indexed="64"/>
      </left>
      <right style="thin">
        <color indexed="8"/>
      </right>
      <top style="thin">
        <color indexed="8"/>
      </top>
      <bottom style="thin">
        <color indexed="64"/>
      </bottom>
      <diagonal/>
    </border>
    <border>
      <left style="thin">
        <color indexed="8"/>
      </left>
      <right style="thin">
        <color indexed="8"/>
      </right>
      <top style="thin">
        <color indexed="8"/>
      </top>
      <bottom style="thin">
        <color indexed="64"/>
      </bottom>
      <diagonal/>
    </border>
    <border>
      <left style="thin">
        <color indexed="8"/>
      </left>
      <right/>
      <top style="thin">
        <color indexed="64"/>
      </top>
      <bottom style="thin">
        <color indexed="64"/>
      </bottom>
      <diagonal/>
    </border>
    <border>
      <left style="thin">
        <color indexed="8"/>
      </left>
      <right style="thin">
        <color indexed="64"/>
      </right>
      <top style="thin">
        <color indexed="64"/>
      </top>
      <bottom/>
      <diagonal/>
    </border>
    <border>
      <left style="thin">
        <color indexed="8"/>
      </left>
      <right style="thin">
        <color indexed="64"/>
      </right>
      <top/>
      <bottom style="double">
        <color indexed="8"/>
      </bottom>
      <diagonal/>
    </border>
    <border>
      <left style="thin">
        <color indexed="64"/>
      </left>
      <right/>
      <top style="thin">
        <color indexed="64"/>
      </top>
      <bottom style="double">
        <color indexed="8"/>
      </bottom>
      <diagonal/>
    </border>
    <border>
      <left style="thin">
        <color indexed="8"/>
      </left>
      <right/>
      <top style="thin">
        <color indexed="64"/>
      </top>
      <bottom style="double">
        <color indexed="8"/>
      </bottom>
      <diagonal/>
    </border>
    <border>
      <left style="thin">
        <color indexed="8"/>
      </left>
      <right style="thin">
        <color indexed="64"/>
      </right>
      <top style="thin">
        <color indexed="64"/>
      </top>
      <bottom style="double">
        <color indexed="8"/>
      </bottom>
      <diagonal/>
    </border>
    <border>
      <left style="thin">
        <color indexed="64"/>
      </left>
      <right/>
      <top style="thin">
        <color indexed="8"/>
      </top>
      <bottom style="double">
        <color indexed="8"/>
      </bottom>
      <diagonal/>
    </border>
    <border>
      <left style="thin">
        <color indexed="8"/>
      </left>
      <right style="thin">
        <color indexed="64"/>
      </right>
      <top style="thin">
        <color indexed="8"/>
      </top>
      <bottom style="double">
        <color indexed="8"/>
      </bottom>
      <diagonal/>
    </border>
    <border>
      <left/>
      <right style="thin">
        <color indexed="8"/>
      </right>
      <top style="thin">
        <color indexed="8"/>
      </top>
      <bottom style="thin">
        <color indexed="64"/>
      </bottom>
      <diagonal/>
    </border>
    <border>
      <left style="thin">
        <color indexed="8"/>
      </left>
      <right style="thin">
        <color indexed="8"/>
      </right>
      <top style="thin">
        <color indexed="64"/>
      </top>
      <bottom/>
      <diagonal/>
    </border>
    <border>
      <left style="hair">
        <color indexed="8"/>
      </left>
      <right/>
      <top style="thin">
        <color indexed="64"/>
      </top>
      <bottom style="hair">
        <color indexed="8"/>
      </bottom>
      <diagonal/>
    </border>
    <border>
      <left/>
      <right/>
      <top style="thin">
        <color indexed="64"/>
      </top>
      <bottom style="hair">
        <color indexed="8"/>
      </bottom>
      <diagonal/>
    </border>
    <border>
      <left/>
      <right style="thin">
        <color indexed="8"/>
      </right>
      <top style="thin">
        <color indexed="64"/>
      </top>
      <bottom style="hair">
        <color indexed="8"/>
      </bottom>
      <diagonal/>
    </border>
    <border>
      <left style="hair">
        <color indexed="8"/>
      </left>
      <right style="hair">
        <color indexed="8"/>
      </right>
      <top/>
      <bottom/>
      <diagonal/>
    </border>
  </borders>
  <cellStyleXfs count="93">
    <xf numFmtId="0" fontId="0" fillId="0" borderId="0"/>
    <xf numFmtId="0" fontId="2" fillId="2" borderId="0" applyNumberFormat="0" applyBorder="0" applyAlignment="0" applyProtection="0"/>
    <xf numFmtId="0" fontId="2" fillId="3" borderId="0" applyNumberFormat="0" applyBorder="0" applyAlignment="0" applyProtection="0"/>
    <xf numFmtId="0" fontId="2" fillId="4" borderId="0" applyNumberFormat="0" applyBorder="0" applyAlignment="0" applyProtection="0"/>
    <xf numFmtId="0" fontId="2" fillId="5" borderId="0" applyNumberFormat="0" applyBorder="0" applyAlignment="0" applyProtection="0"/>
    <xf numFmtId="0" fontId="2" fillId="6" borderId="0" applyNumberFormat="0" applyBorder="0" applyAlignment="0" applyProtection="0"/>
    <xf numFmtId="0" fontId="2" fillId="7" borderId="0" applyNumberFormat="0" applyBorder="0" applyAlignment="0" applyProtection="0"/>
    <xf numFmtId="0" fontId="2" fillId="8" borderId="0" applyNumberFormat="0" applyBorder="0" applyAlignment="0" applyProtection="0"/>
    <xf numFmtId="0" fontId="2" fillId="9" borderId="0" applyNumberFormat="0" applyBorder="0" applyAlignment="0" applyProtection="0"/>
    <xf numFmtId="0" fontId="2" fillId="10" borderId="0" applyNumberFormat="0" applyBorder="0" applyAlignment="0" applyProtection="0"/>
    <xf numFmtId="0" fontId="2" fillId="5" borderId="0" applyNumberFormat="0" applyBorder="0" applyAlignment="0" applyProtection="0"/>
    <xf numFmtId="0" fontId="2" fillId="8" borderId="0" applyNumberFormat="0" applyBorder="0" applyAlignment="0" applyProtection="0"/>
    <xf numFmtId="0" fontId="2" fillId="11" borderId="0" applyNumberFormat="0" applyBorder="0" applyAlignment="0" applyProtection="0"/>
    <xf numFmtId="0" fontId="3" fillId="12" borderId="0" applyNumberFormat="0" applyBorder="0" applyAlignment="0" applyProtection="0"/>
    <xf numFmtId="0" fontId="3" fillId="9" borderId="0" applyNumberFormat="0" applyBorder="0" applyAlignment="0" applyProtection="0"/>
    <xf numFmtId="0" fontId="3" fillId="10" borderId="0" applyNumberFormat="0" applyBorder="0" applyAlignment="0" applyProtection="0"/>
    <xf numFmtId="0" fontId="3" fillId="13" borderId="0" applyNumberFormat="0" applyBorder="0" applyAlignment="0" applyProtection="0"/>
    <xf numFmtId="0" fontId="3" fillId="14" borderId="0" applyNumberFormat="0" applyBorder="0" applyAlignment="0" applyProtection="0"/>
    <xf numFmtId="0" fontId="3" fillId="15" borderId="0" applyNumberFormat="0" applyBorder="0" applyAlignment="0" applyProtection="0"/>
    <xf numFmtId="176" fontId="32" fillId="0" borderId="0" applyFill="0" applyBorder="0" applyAlignment="0"/>
    <xf numFmtId="38" fontId="33" fillId="0" borderId="0" applyFont="0" applyFill="0" applyBorder="0" applyAlignment="0" applyProtection="0"/>
    <xf numFmtId="40" fontId="33" fillId="0" borderId="0" applyFont="0" applyFill="0" applyBorder="0" applyAlignment="0" applyProtection="0"/>
    <xf numFmtId="177" fontId="33" fillId="0" borderId="0" applyFont="0" applyFill="0" applyBorder="0" applyAlignment="0" applyProtection="0"/>
    <xf numFmtId="178" fontId="33" fillId="0" borderId="0" applyFont="0" applyFill="0" applyBorder="0" applyAlignment="0" applyProtection="0"/>
    <xf numFmtId="0" fontId="34" fillId="0" borderId="0">
      <alignment horizontal="left"/>
    </xf>
    <xf numFmtId="38" fontId="35" fillId="16" borderId="0" applyNumberFormat="0" applyBorder="0" applyAlignment="0" applyProtection="0"/>
    <xf numFmtId="0" fontId="36" fillId="0" borderId="1" applyNumberFormat="0" applyAlignment="0" applyProtection="0">
      <alignment horizontal="left" vertical="center"/>
    </xf>
    <xf numFmtId="0" fontId="36" fillId="0" borderId="2">
      <alignment horizontal="left" vertical="center"/>
    </xf>
    <xf numFmtId="10" fontId="35" fillId="17" borderId="3" applyNumberFormat="0" applyBorder="0" applyAlignment="0" applyProtection="0"/>
    <xf numFmtId="179" fontId="37" fillId="0" borderId="0"/>
    <xf numFmtId="0" fontId="1" fillId="0" borderId="0"/>
    <xf numFmtId="10" fontId="1" fillId="0" borderId="0" applyFont="0" applyFill="0" applyBorder="0" applyAlignment="0" applyProtection="0"/>
    <xf numFmtId="4" fontId="34" fillId="0" borderId="0">
      <alignment horizontal="right"/>
    </xf>
    <xf numFmtId="4" fontId="38" fillId="0" borderId="0">
      <alignment horizontal="right"/>
    </xf>
    <xf numFmtId="0" fontId="39" fillId="0" borderId="0"/>
    <xf numFmtId="0" fontId="40" fillId="0" borderId="0">
      <alignment horizontal="left"/>
    </xf>
    <xf numFmtId="0" fontId="41" fillId="0" borderId="0"/>
    <xf numFmtId="0" fontId="42" fillId="0" borderId="0">
      <alignment horizontal="center"/>
    </xf>
    <xf numFmtId="0" fontId="3" fillId="18" borderId="0" applyNumberFormat="0" applyBorder="0" applyAlignment="0" applyProtection="0"/>
    <xf numFmtId="0" fontId="3" fillId="19" borderId="0" applyNumberFormat="0" applyBorder="0" applyAlignment="0" applyProtection="0"/>
    <xf numFmtId="0" fontId="3" fillId="20" borderId="0" applyNumberFormat="0" applyBorder="0" applyAlignment="0" applyProtection="0"/>
    <xf numFmtId="0" fontId="3" fillId="13" borderId="0" applyNumberFormat="0" applyBorder="0" applyAlignment="0" applyProtection="0"/>
    <xf numFmtId="0" fontId="3" fillId="14" borderId="0" applyNumberFormat="0" applyBorder="0" applyAlignment="0" applyProtection="0"/>
    <xf numFmtId="0" fontId="3" fillId="21" borderId="0" applyNumberFormat="0" applyBorder="0" applyAlignment="0" applyProtection="0"/>
    <xf numFmtId="0" fontId="22" fillId="22" borderId="4" applyBorder="0" applyAlignment="0">
      <protection locked="0"/>
    </xf>
    <xf numFmtId="6" fontId="28" fillId="0" borderId="0" applyFont="0" applyFill="0" applyBorder="0" applyAlignment="0" applyProtection="0"/>
    <xf numFmtId="180" fontId="1" fillId="0" borderId="0" applyFont="0" applyFill="0" applyBorder="0" applyAlignment="0" applyProtection="0"/>
    <xf numFmtId="181" fontId="37" fillId="0" borderId="0" applyFont="0" applyFill="0" applyBorder="0" applyAlignment="0" applyProtection="0"/>
    <xf numFmtId="180" fontId="1" fillId="0" borderId="0" applyFont="0" applyFill="0" applyBorder="0" applyAlignment="0" applyProtection="0"/>
    <xf numFmtId="181" fontId="37" fillId="0" borderId="0" applyFont="0" applyFill="0" applyBorder="0" applyAlignment="0" applyProtection="0"/>
    <xf numFmtId="181" fontId="37" fillId="0" borderId="0" applyFont="0" applyFill="0" applyBorder="0" applyAlignment="0" applyProtection="0"/>
    <xf numFmtId="181" fontId="37" fillId="0" borderId="0" applyFont="0" applyFill="0" applyBorder="0" applyAlignment="0" applyProtection="0"/>
    <xf numFmtId="180" fontId="1" fillId="0" borderId="0" applyFont="0" applyFill="0" applyBorder="0" applyAlignment="0" applyProtection="0"/>
    <xf numFmtId="181" fontId="37" fillId="0" borderId="0" applyFont="0" applyFill="0" applyBorder="0" applyAlignment="0" applyProtection="0"/>
    <xf numFmtId="180" fontId="1" fillId="0" borderId="0" applyFont="0" applyFill="0" applyBorder="0" applyAlignment="0" applyProtection="0"/>
    <xf numFmtId="181" fontId="37" fillId="0" borderId="0" applyFont="0" applyFill="0" applyBorder="0" applyAlignment="0" applyProtection="0"/>
    <xf numFmtId="181" fontId="37" fillId="0" borderId="0" applyFont="0" applyFill="0" applyBorder="0" applyAlignment="0" applyProtection="0"/>
    <xf numFmtId="0" fontId="5" fillId="0" borderId="0" applyNumberFormat="0" applyFill="0" applyBorder="0" applyAlignment="0" applyProtection="0"/>
    <xf numFmtId="0" fontId="6" fillId="23" borderId="5" applyNumberFormat="0" applyAlignment="0" applyProtection="0"/>
    <xf numFmtId="0" fontId="4" fillId="24" borderId="0" applyNumberFormat="0" applyBorder="0" applyAlignment="0" applyProtection="0"/>
    <xf numFmtId="0" fontId="22" fillId="25" borderId="0" applyNumberFormat="0" applyBorder="0" applyAlignment="0">
      <protection locked="0"/>
    </xf>
    <xf numFmtId="0" fontId="28" fillId="26" borderId="6" applyNumberFormat="0" applyAlignment="0" applyProtection="0"/>
    <xf numFmtId="0" fontId="7" fillId="0" borderId="7" applyNumberFormat="0" applyFill="0" applyAlignment="0" applyProtection="0"/>
    <xf numFmtId="0" fontId="10" fillId="3" borderId="0" applyNumberFormat="0" applyBorder="0" applyAlignment="0" applyProtection="0"/>
    <xf numFmtId="0" fontId="17" fillId="27" borderId="8" applyNumberFormat="0" applyAlignment="0" applyProtection="0"/>
    <xf numFmtId="0" fontId="19" fillId="0" borderId="0" applyNumberFormat="0" applyFill="0" applyBorder="0" applyAlignment="0" applyProtection="0"/>
    <xf numFmtId="43" fontId="1" fillId="0" borderId="0" applyFont="0" applyFill="0" applyBorder="0" applyAlignment="0" applyProtection="0"/>
    <xf numFmtId="41" fontId="1" fillId="0" borderId="0" applyFont="0" applyFill="0" applyBorder="0" applyAlignment="0" applyProtection="0"/>
    <xf numFmtId="38" fontId="28" fillId="0" borderId="0" applyFill="0" applyBorder="0" applyAlignment="0" applyProtection="0"/>
    <xf numFmtId="38" fontId="28" fillId="0" borderId="0" applyFill="0" applyBorder="0" applyAlignment="0" applyProtection="0"/>
    <xf numFmtId="38" fontId="43" fillId="0" borderId="0" applyFont="0" applyFill="0" applyBorder="0" applyAlignment="0" applyProtection="0">
      <alignment vertical="center"/>
    </xf>
    <xf numFmtId="0" fontId="14" fillId="0" borderId="9" applyNumberFormat="0" applyFill="0" applyAlignment="0" applyProtection="0"/>
    <xf numFmtId="0" fontId="15" fillId="0" borderId="10" applyNumberFormat="0" applyFill="0" applyAlignment="0" applyProtection="0"/>
    <xf numFmtId="0" fontId="16" fillId="0" borderId="11" applyNumberFormat="0" applyFill="0" applyAlignment="0" applyProtection="0"/>
    <xf numFmtId="0" fontId="16" fillId="0" borderId="0" applyNumberFormat="0" applyFill="0" applyBorder="0" applyAlignment="0" applyProtection="0"/>
    <xf numFmtId="0" fontId="44" fillId="0" borderId="0">
      <alignment vertical="top"/>
    </xf>
    <xf numFmtId="0" fontId="45" fillId="0" borderId="0"/>
    <xf numFmtId="0" fontId="20" fillId="0" borderId="12" applyNumberFormat="0" applyFill="0" applyAlignment="0" applyProtection="0"/>
    <xf numFmtId="0" fontId="9" fillId="27" borderId="13" applyNumberFormat="0" applyAlignment="0" applyProtection="0"/>
    <xf numFmtId="0" fontId="18" fillId="0" borderId="0" applyNumberFormat="0" applyFill="0" applyBorder="0" applyAlignment="0" applyProtection="0"/>
    <xf numFmtId="0" fontId="22" fillId="22" borderId="14" applyBorder="0" applyAlignment="0">
      <alignment horizontal="centerContinuous" vertical="center" wrapText="1"/>
    </xf>
    <xf numFmtId="182" fontId="37" fillId="0" borderId="0" applyFont="0" applyFill="0" applyBorder="0" applyAlignment="0" applyProtection="0"/>
    <xf numFmtId="183" fontId="37" fillId="0" borderId="0" applyFont="0" applyFill="0" applyBorder="0" applyAlignment="0" applyProtection="0"/>
    <xf numFmtId="0" fontId="8" fillId="7" borderId="8" applyNumberFormat="0" applyAlignment="0" applyProtection="0"/>
    <xf numFmtId="0" fontId="22" fillId="28" borderId="0" applyNumberFormat="0" applyBorder="0" applyAlignment="0">
      <protection locked="0"/>
    </xf>
    <xf numFmtId="0" fontId="46" fillId="0" borderId="0"/>
    <xf numFmtId="0" fontId="28" fillId="0" borderId="0">
      <alignment vertical="center"/>
    </xf>
    <xf numFmtId="0" fontId="11" fillId="0" borderId="0"/>
    <xf numFmtId="0" fontId="28" fillId="0" borderId="0">
      <alignment vertical="center"/>
    </xf>
    <xf numFmtId="0" fontId="12" fillId="0" borderId="0">
      <alignment vertical="center"/>
    </xf>
    <xf numFmtId="184" fontId="12" fillId="0" borderId="0"/>
    <xf numFmtId="0" fontId="37" fillId="0" borderId="0"/>
    <xf numFmtId="0" fontId="13" fillId="4" borderId="0" applyNumberFormat="0" applyBorder="0" applyAlignment="0" applyProtection="0"/>
  </cellStyleXfs>
  <cellXfs count="383">
    <xf numFmtId="0" fontId="0" fillId="0" borderId="0" xfId="0"/>
    <xf numFmtId="0" fontId="12" fillId="0" borderId="0" xfId="89" applyFont="1">
      <alignment vertical="center"/>
    </xf>
    <xf numFmtId="0" fontId="12" fillId="0" borderId="0" xfId="89" applyFont="1" applyAlignment="1">
      <alignment horizontal="center" vertical="center"/>
    </xf>
    <xf numFmtId="0" fontId="22" fillId="0" borderId="0" xfId="89" applyFont="1">
      <alignment vertical="center"/>
    </xf>
    <xf numFmtId="0" fontId="23" fillId="0" borderId="0" xfId="89" applyFont="1" applyAlignment="1">
      <alignment horizontal="center" vertical="center"/>
    </xf>
    <xf numFmtId="0" fontId="12" fillId="0" borderId="0" xfId="89" applyFont="1" applyFill="1" applyAlignment="1">
      <alignment vertical="center" wrapText="1"/>
    </xf>
    <xf numFmtId="0" fontId="12" fillId="0" borderId="0" xfId="89" applyFont="1" applyFill="1" applyAlignment="1">
      <alignment horizontal="center" vertical="center" wrapText="1"/>
    </xf>
    <xf numFmtId="0" fontId="12" fillId="0" borderId="0" xfId="89" applyFont="1" applyFill="1" applyBorder="1" applyAlignment="1">
      <alignment vertical="center" wrapText="1"/>
    </xf>
    <xf numFmtId="0" fontId="12" fillId="0" borderId="0" xfId="89" applyFont="1" applyFill="1" applyBorder="1" applyAlignment="1">
      <alignment horizontal="center" vertical="center" wrapText="1"/>
    </xf>
    <xf numFmtId="0" fontId="12" fillId="0" borderId="0" xfId="89" applyFont="1" applyFill="1" applyBorder="1" applyAlignment="1">
      <alignment horizontal="left" vertical="center"/>
    </xf>
    <xf numFmtId="0" fontId="12" fillId="0" borderId="0" xfId="89" applyFont="1" applyFill="1" applyBorder="1" applyAlignment="1">
      <alignment horizontal="right" vertical="center" wrapText="1"/>
    </xf>
    <xf numFmtId="0" fontId="24" fillId="0" borderId="15" xfId="89" applyFont="1" applyFill="1" applyBorder="1" applyAlignment="1">
      <alignment vertical="center" wrapText="1"/>
    </xf>
    <xf numFmtId="0" fontId="24" fillId="0" borderId="16" xfId="89" applyFont="1" applyFill="1" applyBorder="1" applyAlignment="1">
      <alignment vertical="center" wrapText="1"/>
    </xf>
    <xf numFmtId="0" fontId="24" fillId="0" borderId="17" xfId="89" applyFont="1" applyFill="1" applyBorder="1" applyAlignment="1">
      <alignment vertical="center" wrapText="1"/>
    </xf>
    <xf numFmtId="0" fontId="24" fillId="0" borderId="18" xfId="89" applyFont="1" applyFill="1" applyBorder="1" applyAlignment="1">
      <alignment vertical="center"/>
    </xf>
    <xf numFmtId="0" fontId="24" fillId="0" borderId="19" xfId="89" applyFont="1" applyFill="1" applyBorder="1" applyAlignment="1">
      <alignment vertical="center" wrapText="1"/>
    </xf>
    <xf numFmtId="0" fontId="11" fillId="0" borderId="0" xfId="89" applyFont="1" applyFill="1" applyBorder="1" applyAlignment="1">
      <alignment vertical="center" wrapText="1"/>
    </xf>
    <xf numFmtId="0" fontId="12" fillId="0" borderId="20" xfId="89" applyFont="1" applyFill="1" applyBorder="1" applyAlignment="1">
      <alignment horizontal="center" vertical="center" wrapText="1"/>
    </xf>
    <xf numFmtId="0" fontId="12" fillId="0" borderId="21" xfId="89" applyFont="1" applyFill="1" applyBorder="1" applyAlignment="1">
      <alignment horizontal="center" vertical="center" wrapText="1"/>
    </xf>
    <xf numFmtId="0" fontId="25" fillId="0" borderId="22" xfId="89" applyFont="1" applyFill="1" applyBorder="1" applyAlignment="1">
      <alignment vertical="center" wrapText="1"/>
    </xf>
    <xf numFmtId="0" fontId="25" fillId="0" borderId="22" xfId="89" applyNumberFormat="1" applyFont="1" applyFill="1" applyBorder="1" applyAlignment="1">
      <alignment horizontal="center" vertical="center" wrapText="1"/>
    </xf>
    <xf numFmtId="0" fontId="25" fillId="0" borderId="16" xfId="89" applyFont="1" applyFill="1" applyBorder="1" applyAlignment="1">
      <alignment vertical="center" wrapText="1"/>
    </xf>
    <xf numFmtId="0" fontId="25" fillId="0" borderId="20" xfId="89" applyFont="1" applyFill="1" applyBorder="1" applyAlignment="1">
      <alignment vertical="center" wrapText="1"/>
    </xf>
    <xf numFmtId="0" fontId="25" fillId="0" borderId="20" xfId="89" applyNumberFormat="1" applyFont="1" applyFill="1" applyBorder="1" applyAlignment="1">
      <alignment horizontal="center" vertical="center" wrapText="1"/>
    </xf>
    <xf numFmtId="0" fontId="25" fillId="0" borderId="21" xfId="89" applyFont="1" applyFill="1" applyBorder="1" applyAlignment="1">
      <alignment vertical="center" wrapText="1"/>
    </xf>
    <xf numFmtId="0" fontId="25" fillId="0" borderId="0" xfId="88" applyFont="1" applyAlignment="1">
      <alignment vertical="center"/>
    </xf>
    <xf numFmtId="0" fontId="12" fillId="0" borderId="0" xfId="89" applyFont="1" applyFill="1" applyAlignment="1">
      <alignment horizontal="left" vertical="center"/>
    </xf>
    <xf numFmtId="0" fontId="21" fillId="0" borderId="0" xfId="89" applyFont="1" applyFill="1" applyAlignment="1">
      <alignment horizontal="left" vertical="center"/>
    </xf>
    <xf numFmtId="0" fontId="25" fillId="0" borderId="0" xfId="89" applyFont="1" applyFill="1" applyAlignment="1">
      <alignment horizontal="right" vertical="center"/>
    </xf>
    <xf numFmtId="0" fontId="25" fillId="0" borderId="38" xfId="0" applyFont="1" applyBorder="1" applyAlignment="1">
      <alignment horizontal="center" vertical="center" wrapText="1"/>
    </xf>
    <xf numFmtId="0" fontId="25" fillId="0" borderId="0" xfId="0" applyFont="1" applyFill="1" applyBorder="1" applyAlignment="1">
      <alignment vertical="center"/>
    </xf>
    <xf numFmtId="3" fontId="25" fillId="0" borderId="23" xfId="0" applyNumberFormat="1" applyFont="1" applyFill="1" applyBorder="1" applyAlignment="1">
      <alignment vertical="center" wrapText="1"/>
    </xf>
    <xf numFmtId="0" fontId="11" fillId="0" borderId="18" xfId="0" applyFont="1" applyBorder="1" applyAlignment="1">
      <alignment horizontal="center" vertical="center" wrapText="1"/>
    </xf>
    <xf numFmtId="0" fontId="12" fillId="0" borderId="0" xfId="87" applyFont="1" applyFill="1" applyAlignment="1">
      <alignment vertical="center"/>
    </xf>
    <xf numFmtId="0" fontId="12" fillId="0" borderId="0" xfId="87" applyFont="1" applyFill="1" applyAlignment="1">
      <alignment horizontal="center" vertical="center"/>
    </xf>
    <xf numFmtId="0" fontId="12" fillId="0" borderId="0" xfId="87" applyFont="1" applyFill="1" applyAlignment="1">
      <alignment horizontal="right" vertical="center"/>
    </xf>
    <xf numFmtId="0" fontId="12" fillId="0" borderId="59" xfId="87" applyFont="1" applyFill="1" applyBorder="1" applyAlignment="1">
      <alignment horizontal="center" vertical="center"/>
    </xf>
    <xf numFmtId="0" fontId="12" fillId="0" borderId="60" xfId="87" applyFont="1" applyFill="1" applyBorder="1" applyAlignment="1">
      <alignment horizontal="center" vertical="center"/>
    </xf>
    <xf numFmtId="0" fontId="12" fillId="0" borderId="61" xfId="87" applyFont="1" applyFill="1" applyBorder="1" applyAlignment="1">
      <alignment horizontal="center" vertical="center"/>
    </xf>
    <xf numFmtId="0" fontId="12" fillId="0" borderId="62" xfId="87" applyFont="1" applyFill="1" applyBorder="1" applyAlignment="1">
      <alignment horizontal="center" vertical="center"/>
    </xf>
    <xf numFmtId="0" fontId="12" fillId="0" borderId="63" xfId="87" applyFont="1" applyFill="1" applyBorder="1" applyAlignment="1">
      <alignment horizontal="center" vertical="center"/>
    </xf>
    <xf numFmtId="0" fontId="12" fillId="0" borderId="64" xfId="87" applyFont="1" applyFill="1" applyBorder="1" applyAlignment="1">
      <alignment horizontal="center" vertical="center"/>
    </xf>
    <xf numFmtId="0" fontId="12" fillId="0" borderId="65" xfId="87" applyFont="1" applyFill="1" applyBorder="1" applyAlignment="1">
      <alignment horizontal="left" vertical="center"/>
    </xf>
    <xf numFmtId="0" fontId="12" fillId="0" borderId="66" xfId="87" applyFont="1" applyFill="1" applyBorder="1" applyAlignment="1">
      <alignment horizontal="center" vertical="center"/>
    </xf>
    <xf numFmtId="0" fontId="12" fillId="0" borderId="67" xfId="87" applyFont="1" applyFill="1" applyBorder="1" applyAlignment="1">
      <alignment horizontal="center" vertical="center"/>
    </xf>
    <xf numFmtId="0" fontId="12" fillId="0" borderId="68" xfId="87" applyFont="1" applyFill="1" applyBorder="1" applyAlignment="1">
      <alignment horizontal="center" vertical="center"/>
    </xf>
    <xf numFmtId="0" fontId="12" fillId="0" borderId="69" xfId="87" applyFont="1" applyFill="1" applyBorder="1" applyAlignment="1">
      <alignment horizontal="center" vertical="center"/>
    </xf>
    <xf numFmtId="0" fontId="12" fillId="0" borderId="70" xfId="87" applyFont="1" applyFill="1" applyBorder="1" applyAlignment="1">
      <alignment horizontal="center" vertical="center"/>
    </xf>
    <xf numFmtId="0" fontId="12" fillId="0" borderId="71" xfId="87" applyFont="1" applyFill="1" applyBorder="1" applyAlignment="1">
      <alignment horizontal="left" vertical="center"/>
    </xf>
    <xf numFmtId="0" fontId="12" fillId="0" borderId="72" xfId="87" applyFont="1" applyFill="1" applyBorder="1" applyAlignment="1">
      <alignment horizontal="center" vertical="center"/>
    </xf>
    <xf numFmtId="0" fontId="12" fillId="0" borderId="73" xfId="87" applyFont="1" applyFill="1" applyBorder="1" applyAlignment="1">
      <alignment horizontal="center" vertical="center"/>
    </xf>
    <xf numFmtId="0" fontId="12" fillId="0" borderId="22" xfId="87" applyFont="1" applyFill="1" applyBorder="1" applyAlignment="1">
      <alignment horizontal="center" vertical="center"/>
    </xf>
    <xf numFmtId="0" fontId="12" fillId="0" borderId="16" xfId="87" applyFont="1" applyFill="1" applyBorder="1" applyAlignment="1">
      <alignment horizontal="center" vertical="center"/>
    </xf>
    <xf numFmtId="0" fontId="12" fillId="0" borderId="74" xfId="87" applyFont="1" applyFill="1" applyBorder="1" applyAlignment="1">
      <alignment horizontal="center" vertical="center"/>
    </xf>
    <xf numFmtId="0" fontId="12" fillId="0" borderId="71" xfId="87" applyFont="1" applyFill="1" applyBorder="1" applyAlignment="1">
      <alignment vertical="center"/>
    </xf>
    <xf numFmtId="0" fontId="12" fillId="0" borderId="72" xfId="87" applyFont="1" applyFill="1" applyBorder="1" applyAlignment="1">
      <alignment vertical="center"/>
    </xf>
    <xf numFmtId="0" fontId="12" fillId="0" borderId="73" xfId="87" applyFont="1" applyFill="1" applyBorder="1" applyAlignment="1">
      <alignment vertical="center"/>
    </xf>
    <xf numFmtId="0" fontId="12" fillId="0" borderId="22" xfId="87" applyFont="1" applyFill="1" applyBorder="1" applyAlignment="1">
      <alignment vertical="center"/>
    </xf>
    <xf numFmtId="0" fontId="12" fillId="0" borderId="16" xfId="87" applyFont="1" applyFill="1" applyBorder="1" applyAlignment="1">
      <alignment vertical="center"/>
    </xf>
    <xf numFmtId="0" fontId="12" fillId="0" borderId="74" xfId="87" applyFont="1" applyFill="1" applyBorder="1" applyAlignment="1">
      <alignment vertical="center"/>
    </xf>
    <xf numFmtId="0" fontId="25" fillId="0" borderId="74" xfId="87" applyFont="1" applyFill="1" applyBorder="1" applyAlignment="1">
      <alignment vertical="center" wrapText="1"/>
    </xf>
    <xf numFmtId="0" fontId="12" fillId="0" borderId="75" xfId="87" applyFont="1" applyFill="1" applyBorder="1" applyAlignment="1">
      <alignment vertical="center"/>
    </xf>
    <xf numFmtId="0" fontId="12" fillId="0" borderId="76" xfId="87" applyFont="1" applyFill="1" applyBorder="1" applyAlignment="1">
      <alignment vertical="center"/>
    </xf>
    <xf numFmtId="0" fontId="12" fillId="0" borderId="77" xfId="87" applyFont="1" applyFill="1" applyBorder="1" applyAlignment="1">
      <alignment vertical="center"/>
    </xf>
    <xf numFmtId="0" fontId="12" fillId="0" borderId="78" xfId="87" applyFont="1" applyFill="1" applyBorder="1" applyAlignment="1">
      <alignment vertical="center"/>
    </xf>
    <xf numFmtId="0" fontId="12" fillId="0" borderId="17" xfId="87" applyFont="1" applyFill="1" applyBorder="1" applyAlignment="1">
      <alignment vertical="center"/>
    </xf>
    <xf numFmtId="0" fontId="12" fillId="0" borderId="79" xfId="87" applyFont="1" applyFill="1" applyBorder="1" applyAlignment="1">
      <alignment vertical="center"/>
    </xf>
    <xf numFmtId="0" fontId="25" fillId="0" borderId="38" xfId="0" applyFont="1" applyFill="1" applyBorder="1" applyAlignment="1">
      <alignment horizontal="center" vertical="center" wrapText="1"/>
    </xf>
    <xf numFmtId="0" fontId="25" fillId="0" borderId="54" xfId="0" applyFont="1" applyFill="1" applyBorder="1" applyAlignment="1">
      <alignment horizontal="justify" vertical="center" wrapText="1"/>
    </xf>
    <xf numFmtId="3" fontId="25" fillId="0" borderId="32" xfId="0" applyNumberFormat="1" applyFont="1" applyFill="1" applyBorder="1" applyAlignment="1">
      <alignment vertical="center" wrapText="1"/>
    </xf>
    <xf numFmtId="3" fontId="25" fillId="0" borderId="45" xfId="0" applyNumberFormat="1" applyFont="1" applyFill="1" applyBorder="1" applyAlignment="1">
      <alignment vertical="center" wrapText="1"/>
    </xf>
    <xf numFmtId="3" fontId="25" fillId="0" borderId="28" xfId="0" applyNumberFormat="1" applyFont="1" applyFill="1" applyBorder="1" applyAlignment="1">
      <alignment vertical="center" wrapText="1"/>
    </xf>
    <xf numFmtId="3" fontId="25" fillId="0" borderId="29" xfId="0" applyNumberFormat="1" applyFont="1" applyFill="1" applyBorder="1" applyAlignment="1">
      <alignment vertical="center" wrapText="1"/>
    </xf>
    <xf numFmtId="3" fontId="25" fillId="0" borderId="42" xfId="0" applyNumberFormat="1" applyFont="1" applyFill="1" applyBorder="1" applyAlignment="1">
      <alignment vertical="center" wrapText="1"/>
    </xf>
    <xf numFmtId="0" fontId="25" fillId="0" borderId="54" xfId="0" applyFont="1" applyFill="1" applyBorder="1" applyAlignment="1">
      <alignment horizontal="justify" vertical="center"/>
    </xf>
    <xf numFmtId="3" fontId="25" fillId="0" borderId="26" xfId="0" applyNumberFormat="1" applyFont="1" applyFill="1" applyBorder="1" applyAlignment="1">
      <alignment vertical="center" wrapText="1"/>
    </xf>
    <xf numFmtId="0" fontId="25" fillId="0" borderId="55" xfId="0" applyFont="1" applyFill="1" applyBorder="1" applyAlignment="1">
      <alignment horizontal="justify" vertical="center"/>
    </xf>
    <xf numFmtId="3" fontId="25" fillId="0" borderId="35" xfId="0" applyNumberFormat="1" applyFont="1" applyFill="1" applyBorder="1" applyAlignment="1">
      <alignment vertical="center" wrapText="1"/>
    </xf>
    <xf numFmtId="0" fontId="25" fillId="0" borderId="0" xfId="0" applyFont="1" applyFill="1" applyBorder="1" applyAlignment="1">
      <alignment horizontal="justify" vertical="center" wrapText="1"/>
    </xf>
    <xf numFmtId="3" fontId="25" fillId="0" borderId="0" xfId="0" applyNumberFormat="1" applyFont="1" applyFill="1" applyBorder="1" applyAlignment="1">
      <alignment vertical="center" wrapText="1"/>
    </xf>
    <xf numFmtId="0" fontId="21" fillId="0" borderId="0" xfId="89" applyFont="1" applyFill="1" applyBorder="1" applyAlignment="1">
      <alignment vertical="center"/>
    </xf>
    <xf numFmtId="0" fontId="12" fillId="0" borderId="80" xfId="87" applyFont="1" applyFill="1" applyBorder="1" applyAlignment="1">
      <alignment horizontal="center" vertical="center"/>
    </xf>
    <xf numFmtId="0" fontId="12" fillId="0" borderId="81" xfId="87" applyFont="1" applyFill="1" applyBorder="1" applyAlignment="1">
      <alignment vertical="center"/>
    </xf>
    <xf numFmtId="0" fontId="12" fillId="0" borderId="82" xfId="87" applyFont="1" applyFill="1" applyBorder="1" applyAlignment="1">
      <alignment vertical="center"/>
    </xf>
    <xf numFmtId="0" fontId="12" fillId="0" borderId="83" xfId="87" applyFont="1" applyFill="1" applyBorder="1" applyAlignment="1">
      <alignment vertical="center"/>
    </xf>
    <xf numFmtId="0" fontId="12" fillId="0" borderId="84" xfId="87" applyFont="1" applyFill="1" applyBorder="1" applyAlignment="1">
      <alignment vertical="center"/>
    </xf>
    <xf numFmtId="0" fontId="12" fillId="0" borderId="85" xfId="87" applyFont="1" applyFill="1" applyBorder="1" applyAlignment="1">
      <alignment vertical="center"/>
    </xf>
    <xf numFmtId="0" fontId="12" fillId="0" borderId="0" xfId="89" applyFont="1" applyFill="1" applyAlignment="1">
      <alignment vertical="center"/>
    </xf>
    <xf numFmtId="0" fontId="12" fillId="0" borderId="0" xfId="0" applyFont="1" applyAlignment="1">
      <alignment vertical="center"/>
    </xf>
    <xf numFmtId="0" fontId="12" fillId="0" borderId="86" xfId="89" applyFont="1" applyFill="1" applyBorder="1" applyAlignment="1">
      <alignment horizontal="center" vertical="center" wrapText="1"/>
    </xf>
    <xf numFmtId="0" fontId="12" fillId="0" borderId="87" xfId="89" applyFont="1" applyFill="1" applyBorder="1" applyAlignment="1">
      <alignment horizontal="center" vertical="center" wrapText="1"/>
    </xf>
    <xf numFmtId="0" fontId="12" fillId="0" borderId="88" xfId="89" applyFont="1" applyFill="1" applyBorder="1" applyAlignment="1">
      <alignment horizontal="center" vertical="center" wrapText="1"/>
    </xf>
    <xf numFmtId="0" fontId="12" fillId="0" borderId="89" xfId="89" applyFont="1" applyFill="1" applyBorder="1" applyAlignment="1">
      <alignment horizontal="center" vertical="center" wrapText="1"/>
    </xf>
    <xf numFmtId="0" fontId="12" fillId="0" borderId="90" xfId="89" applyFont="1" applyFill="1" applyBorder="1" applyAlignment="1">
      <alignment horizontal="center" vertical="center" wrapText="1"/>
    </xf>
    <xf numFmtId="0" fontId="25" fillId="0" borderId="92" xfId="89" applyNumberFormat="1" applyFont="1" applyFill="1" applyBorder="1" applyAlignment="1">
      <alignment horizontal="center" vertical="center" wrapText="1"/>
    </xf>
    <xf numFmtId="0" fontId="25" fillId="0" borderId="90" xfId="89" applyNumberFormat="1" applyFont="1" applyFill="1" applyBorder="1" applyAlignment="1">
      <alignment horizontal="center" vertical="center" wrapText="1"/>
    </xf>
    <xf numFmtId="0" fontId="25" fillId="0" borderId="94" xfId="89" applyNumberFormat="1" applyFont="1" applyFill="1" applyBorder="1" applyAlignment="1">
      <alignment horizontal="center" vertical="center" wrapText="1"/>
    </xf>
    <xf numFmtId="0" fontId="25" fillId="0" borderId="95" xfId="89" applyFont="1" applyFill="1" applyBorder="1" applyAlignment="1">
      <alignment vertical="center" wrapText="1"/>
    </xf>
    <xf numFmtId="0" fontId="25" fillId="0" borderId="95" xfId="89" applyNumberFormat="1" applyFont="1" applyFill="1" applyBorder="1" applyAlignment="1">
      <alignment horizontal="center" vertical="center" wrapText="1"/>
    </xf>
    <xf numFmtId="0" fontId="25" fillId="0" borderId="96" xfId="89" applyFont="1" applyFill="1" applyBorder="1" applyAlignment="1">
      <alignment vertical="center" wrapText="1"/>
    </xf>
    <xf numFmtId="3" fontId="25" fillId="0" borderId="98" xfId="0" applyNumberFormat="1" applyFont="1" applyFill="1" applyBorder="1" applyAlignment="1">
      <alignment vertical="center" wrapText="1"/>
    </xf>
    <xf numFmtId="3" fontId="25" fillId="0" borderId="99" xfId="0" applyNumberFormat="1" applyFont="1" applyFill="1" applyBorder="1" applyAlignment="1">
      <alignment vertical="center" wrapText="1"/>
    </xf>
    <xf numFmtId="0" fontId="26" fillId="0" borderId="100" xfId="0" applyFont="1" applyFill="1" applyBorder="1" applyAlignment="1">
      <alignment horizontal="center" vertical="center" shrinkToFit="1"/>
    </xf>
    <xf numFmtId="0" fontId="26" fillId="0" borderId="101" xfId="0" applyFont="1" applyFill="1" applyBorder="1" applyAlignment="1">
      <alignment horizontal="center" vertical="center" shrinkToFit="1"/>
    </xf>
    <xf numFmtId="0" fontId="26" fillId="0" borderId="102" xfId="0" applyFont="1" applyFill="1" applyBorder="1" applyAlignment="1">
      <alignment horizontal="center" vertical="center" shrinkToFit="1"/>
    </xf>
    <xf numFmtId="3" fontId="25" fillId="0" borderId="103" xfId="0" applyNumberFormat="1" applyFont="1" applyFill="1" applyBorder="1" applyAlignment="1">
      <alignment vertical="center" wrapText="1"/>
    </xf>
    <xf numFmtId="3" fontId="25" fillId="0" borderId="104" xfId="0" applyNumberFormat="1" applyFont="1" applyFill="1" applyBorder="1" applyAlignment="1">
      <alignment vertical="center" wrapText="1"/>
    </xf>
    <xf numFmtId="3" fontId="25" fillId="0" borderId="105" xfId="0" applyNumberFormat="1" applyFont="1" applyFill="1" applyBorder="1" applyAlignment="1">
      <alignment vertical="center" wrapText="1"/>
    </xf>
    <xf numFmtId="3" fontId="25" fillId="0" borderId="106" xfId="0" applyNumberFormat="1" applyFont="1" applyFill="1" applyBorder="1" applyAlignment="1">
      <alignment vertical="center" wrapText="1"/>
    </xf>
    <xf numFmtId="3" fontId="25" fillId="0" borderId="107" xfId="0" applyNumberFormat="1" applyFont="1" applyFill="1" applyBorder="1" applyAlignment="1">
      <alignment vertical="center" wrapText="1"/>
    </xf>
    <xf numFmtId="3" fontId="25" fillId="0" borderId="108" xfId="0" applyNumberFormat="1" applyFont="1" applyFill="1" applyBorder="1" applyAlignment="1">
      <alignment vertical="center" wrapText="1"/>
    </xf>
    <xf numFmtId="0" fontId="22" fillId="0" borderId="0" xfId="89" applyFont="1" applyBorder="1" applyAlignment="1">
      <alignment horizontal="center" vertical="center"/>
    </xf>
    <xf numFmtId="0" fontId="21" fillId="0" borderId="0" xfId="89" applyFont="1" applyBorder="1" applyAlignment="1">
      <alignment horizontal="center" vertical="center"/>
    </xf>
    <xf numFmtId="0" fontId="12" fillId="0" borderId="0" xfId="89" applyFont="1" applyBorder="1" applyAlignment="1">
      <alignment horizontal="center" vertical="center"/>
    </xf>
    <xf numFmtId="0" fontId="21" fillId="0" borderId="0" xfId="89" applyFont="1" applyFill="1" applyBorder="1" applyAlignment="1">
      <alignment horizontal="center" vertical="center"/>
    </xf>
    <xf numFmtId="0" fontId="48" fillId="0" borderId="0" xfId="89" applyFont="1" applyBorder="1" applyAlignment="1">
      <alignment horizontal="center" vertical="center"/>
    </xf>
    <xf numFmtId="0" fontId="48" fillId="0" borderId="0" xfId="89" applyFont="1" applyBorder="1" applyAlignment="1">
      <alignment horizontal="left" vertical="center"/>
    </xf>
    <xf numFmtId="0" fontId="29" fillId="0" borderId="0" xfId="0" applyFont="1" applyBorder="1" applyAlignment="1">
      <alignment horizontal="center" vertical="center"/>
    </xf>
    <xf numFmtId="0" fontId="0" fillId="0" borderId="0" xfId="0" applyAlignment="1">
      <alignment horizontal="center" vertical="center"/>
    </xf>
    <xf numFmtId="0" fontId="12" fillId="0" borderId="23" xfId="0" applyFont="1" applyBorder="1" applyAlignment="1">
      <alignment vertical="center"/>
    </xf>
    <xf numFmtId="0" fontId="30" fillId="0" borderId="0" xfId="0" applyFont="1" applyAlignment="1">
      <alignment horizontal="justify" vertical="center"/>
    </xf>
    <xf numFmtId="0" fontId="25" fillId="0" borderId="0" xfId="89" applyFont="1" applyFill="1" applyBorder="1" applyAlignment="1">
      <alignment horizontal="left" vertical="center"/>
    </xf>
    <xf numFmtId="0" fontId="12" fillId="0" borderId="109" xfId="89" applyFont="1" applyFill="1" applyBorder="1" applyAlignment="1">
      <alignment horizontal="right" vertical="center" wrapText="1"/>
    </xf>
    <xf numFmtId="0" fontId="12" fillId="0" borderId="110" xfId="89" applyFont="1" applyFill="1" applyBorder="1" applyAlignment="1">
      <alignment horizontal="center" vertical="center" wrapText="1"/>
    </xf>
    <xf numFmtId="0" fontId="12" fillId="0" borderId="111" xfId="89" applyFont="1" applyFill="1" applyBorder="1" applyAlignment="1">
      <alignment horizontal="center" vertical="center" wrapText="1"/>
    </xf>
    <xf numFmtId="0" fontId="12" fillId="0" borderId="112" xfId="89" applyFont="1" applyFill="1" applyBorder="1" applyAlignment="1">
      <alignment horizontal="center" vertical="center" wrapText="1"/>
    </xf>
    <xf numFmtId="0" fontId="12" fillId="0" borderId="113" xfId="89" applyFont="1" applyFill="1" applyBorder="1" applyAlignment="1">
      <alignment horizontal="center" vertical="center" wrapText="1"/>
    </xf>
    <xf numFmtId="0" fontId="25" fillId="0" borderId="114" xfId="89" applyNumberFormat="1" applyFont="1" applyFill="1" applyBorder="1" applyAlignment="1">
      <alignment horizontal="center" vertical="center" wrapText="1"/>
    </xf>
    <xf numFmtId="0" fontId="25" fillId="0" borderId="115" xfId="89" applyNumberFormat="1" applyFont="1" applyFill="1" applyBorder="1" applyAlignment="1">
      <alignment horizontal="center" vertical="center" wrapText="1"/>
    </xf>
    <xf numFmtId="0" fontId="25" fillId="0" borderId="116" xfId="89" applyFont="1" applyFill="1" applyBorder="1" applyAlignment="1">
      <alignment vertical="center" wrapText="1"/>
    </xf>
    <xf numFmtId="0" fontId="25" fillId="0" borderId="117" xfId="89" applyFont="1" applyFill="1" applyBorder="1" applyAlignment="1">
      <alignment vertical="center" wrapText="1"/>
    </xf>
    <xf numFmtId="0" fontId="25" fillId="0" borderId="118" xfId="89" applyNumberFormat="1" applyFont="1" applyFill="1" applyBorder="1" applyAlignment="1">
      <alignment horizontal="center" vertical="center" wrapText="1"/>
    </xf>
    <xf numFmtId="0" fontId="25" fillId="0" borderId="119" xfId="89" applyNumberFormat="1" applyFont="1" applyFill="1" applyBorder="1" applyAlignment="1">
      <alignment horizontal="center" vertical="center" wrapText="1"/>
    </xf>
    <xf numFmtId="0" fontId="25" fillId="0" borderId="120" xfId="89" applyFont="1" applyFill="1" applyBorder="1" applyAlignment="1">
      <alignment vertical="center" wrapText="1"/>
    </xf>
    <xf numFmtId="0" fontId="25" fillId="0" borderId="121" xfId="89" applyFont="1" applyFill="1" applyBorder="1" applyAlignment="1">
      <alignment vertical="center" wrapText="1"/>
    </xf>
    <xf numFmtId="0" fontId="25" fillId="0" borderId="122" xfId="89" applyNumberFormat="1" applyFont="1" applyFill="1" applyBorder="1" applyAlignment="1">
      <alignment horizontal="center" vertical="center" wrapText="1"/>
    </xf>
    <xf numFmtId="0" fontId="25" fillId="0" borderId="123" xfId="89" applyNumberFormat="1" applyFont="1" applyFill="1" applyBorder="1" applyAlignment="1">
      <alignment horizontal="center" vertical="center" wrapText="1"/>
    </xf>
    <xf numFmtId="0" fontId="25" fillId="0" borderId="124" xfId="89" applyFont="1" applyFill="1" applyBorder="1" applyAlignment="1">
      <alignment vertical="center" wrapText="1"/>
    </xf>
    <xf numFmtId="0" fontId="25" fillId="0" borderId="125" xfId="89" applyFont="1" applyFill="1" applyBorder="1" applyAlignment="1">
      <alignment vertical="center" wrapText="1"/>
    </xf>
    <xf numFmtId="0" fontId="12" fillId="0" borderId="0" xfId="89" applyFont="1" applyFill="1" applyAlignment="1">
      <alignment horizontal="center" vertical="center"/>
    </xf>
    <xf numFmtId="0" fontId="12" fillId="0" borderId="41" xfId="0" applyFont="1" applyBorder="1" applyAlignment="1">
      <alignment vertical="center"/>
    </xf>
    <xf numFmtId="0" fontId="12" fillId="0" borderId="23" xfId="0" applyFont="1" applyBorder="1" applyAlignment="1">
      <alignment vertical="center" wrapText="1"/>
    </xf>
    <xf numFmtId="0" fontId="25" fillId="0" borderId="20" xfId="89" applyFont="1" applyFill="1" applyBorder="1" applyAlignment="1">
      <alignment horizontal="center" vertical="center" wrapText="1"/>
    </xf>
    <xf numFmtId="0" fontId="12" fillId="0" borderId="0" xfId="89" applyFont="1" applyBorder="1">
      <alignment vertical="center"/>
    </xf>
    <xf numFmtId="0" fontId="12" fillId="0" borderId="128" xfId="89" applyFont="1" applyBorder="1">
      <alignment vertical="center"/>
    </xf>
    <xf numFmtId="0" fontId="12" fillId="0" borderId="128" xfId="89" applyFont="1" applyBorder="1" applyAlignment="1">
      <alignment horizontal="center" vertical="center"/>
    </xf>
    <xf numFmtId="0" fontId="21" fillId="0" borderId="0" xfId="0" applyFont="1" applyAlignment="1">
      <alignment vertical="center"/>
    </xf>
    <xf numFmtId="0" fontId="21" fillId="0" borderId="0" xfId="0" applyFont="1" applyAlignment="1">
      <alignment horizontal="centerContinuous" vertical="center"/>
    </xf>
    <xf numFmtId="0" fontId="12" fillId="0" borderId="0" xfId="0" applyFont="1" applyAlignment="1">
      <alignment horizontal="right" vertical="center"/>
    </xf>
    <xf numFmtId="0" fontId="23" fillId="0" borderId="0" xfId="89" applyFont="1" applyBorder="1" applyAlignment="1">
      <alignment horizontal="center" vertical="center"/>
    </xf>
    <xf numFmtId="0" fontId="47" fillId="0" borderId="0" xfId="0" applyFont="1" applyBorder="1" applyAlignment="1">
      <alignment horizontal="center" vertical="center"/>
    </xf>
    <xf numFmtId="49" fontId="49" fillId="0" borderId="0" xfId="89" applyNumberFormat="1" applyFont="1" applyBorder="1" applyAlignment="1">
      <alignment horizontal="center" vertical="center"/>
    </xf>
    <xf numFmtId="0" fontId="50" fillId="0" borderId="0" xfId="89" applyFont="1" applyBorder="1" applyAlignment="1">
      <alignment horizontal="center" vertical="center"/>
    </xf>
    <xf numFmtId="0" fontId="12" fillId="0" borderId="91" xfId="89" applyFont="1" applyFill="1" applyBorder="1" applyAlignment="1">
      <alignment horizontal="left" vertical="center" wrapText="1"/>
    </xf>
    <xf numFmtId="0" fontId="25" fillId="0" borderId="93" xfId="89" applyFont="1" applyFill="1" applyBorder="1" applyAlignment="1">
      <alignment horizontal="left" vertical="center" wrapText="1"/>
    </xf>
    <xf numFmtId="0" fontId="25" fillId="0" borderId="91" xfId="89" applyFont="1" applyFill="1" applyBorder="1" applyAlignment="1">
      <alignment horizontal="left" vertical="center" wrapText="1"/>
    </xf>
    <xf numFmtId="0" fontId="25" fillId="0" borderId="97" xfId="89" applyFont="1" applyFill="1" applyBorder="1" applyAlignment="1">
      <alignment horizontal="left" vertical="center" wrapText="1"/>
    </xf>
    <xf numFmtId="0" fontId="12" fillId="0" borderId="0" xfId="0" applyFont="1" applyAlignment="1">
      <alignment vertical="center"/>
    </xf>
    <xf numFmtId="0" fontId="12" fillId="0" borderId="0" xfId="0" applyFont="1" applyAlignment="1">
      <alignment vertical="center" wrapText="1"/>
    </xf>
    <xf numFmtId="0" fontId="12" fillId="0" borderId="23" xfId="0" applyFont="1" applyBorder="1" applyAlignment="1">
      <alignment horizontal="center" vertical="center"/>
    </xf>
    <xf numFmtId="0" fontId="52" fillId="0" borderId="0" xfId="89" applyFont="1" applyFill="1" applyAlignment="1">
      <alignment horizontal="left" vertical="center"/>
    </xf>
    <xf numFmtId="0" fontId="53" fillId="0" borderId="0" xfId="88" applyFont="1" applyAlignment="1">
      <alignment vertical="center"/>
    </xf>
    <xf numFmtId="49" fontId="53" fillId="0" borderId="0" xfId="88" applyNumberFormat="1" applyFont="1" applyAlignment="1">
      <alignment vertical="center"/>
    </xf>
    <xf numFmtId="0" fontId="53" fillId="0" borderId="0" xfId="88" applyFont="1" applyAlignment="1">
      <alignment horizontal="right" vertical="center"/>
    </xf>
    <xf numFmtId="0" fontId="53" fillId="0" borderId="0" xfId="88" applyFont="1">
      <alignment vertical="center"/>
    </xf>
    <xf numFmtId="0" fontId="53" fillId="0" borderId="23" xfId="88" applyFont="1" applyFill="1" applyBorder="1" applyAlignment="1">
      <alignment horizontal="center" vertical="center" wrapText="1"/>
    </xf>
    <xf numFmtId="49" fontId="53" fillId="0" borderId="30" xfId="88" applyNumberFormat="1" applyFont="1" applyBorder="1" applyAlignment="1">
      <alignment vertical="center"/>
    </xf>
    <xf numFmtId="3" fontId="53" fillId="0" borderId="26" xfId="88" applyNumberFormat="1" applyFont="1" applyBorder="1" applyAlignment="1">
      <alignment horizontal="right" vertical="center"/>
    </xf>
    <xf numFmtId="49" fontId="53" fillId="0" borderId="24" xfId="88" applyNumberFormat="1" applyFont="1" applyBorder="1" applyAlignment="1">
      <alignment vertical="center"/>
    </xf>
    <xf numFmtId="49" fontId="53" fillId="0" borderId="25" xfId="88" applyNumberFormat="1" applyFont="1" applyBorder="1" applyAlignment="1">
      <alignment vertical="center"/>
    </xf>
    <xf numFmtId="0" fontId="53" fillId="0" borderId="25" xfId="88" applyFont="1" applyBorder="1" applyAlignment="1">
      <alignment horizontal="justify" vertical="center"/>
    </xf>
    <xf numFmtId="3" fontId="53" fillId="0" borderId="28" xfId="88" applyNumberFormat="1" applyFont="1" applyBorder="1" applyAlignment="1">
      <alignment horizontal="right" vertical="center"/>
    </xf>
    <xf numFmtId="3" fontId="53" fillId="0" borderId="29" xfId="88" applyNumberFormat="1" applyFont="1" applyBorder="1" applyAlignment="1">
      <alignment horizontal="right" vertical="center"/>
    </xf>
    <xf numFmtId="49" fontId="53" fillId="0" borderId="30" xfId="88" applyNumberFormat="1" applyFont="1" applyBorder="1" applyAlignment="1">
      <alignment vertical="center" wrapText="1"/>
    </xf>
    <xf numFmtId="3" fontId="53" fillId="0" borderId="32" xfId="88" applyNumberFormat="1" applyFont="1" applyBorder="1" applyAlignment="1">
      <alignment horizontal="right" vertical="center"/>
    </xf>
    <xf numFmtId="49" fontId="53" fillId="0" borderId="33" xfId="88" applyNumberFormat="1" applyFont="1" applyBorder="1" applyAlignment="1">
      <alignment vertical="center"/>
    </xf>
    <xf numFmtId="49" fontId="53" fillId="0" borderId="27" xfId="88" applyNumberFormat="1" applyFont="1" applyBorder="1" applyAlignment="1">
      <alignment vertical="center"/>
    </xf>
    <xf numFmtId="49" fontId="53" fillId="0" borderId="34" xfId="88" applyNumberFormat="1" applyFont="1" applyBorder="1" applyAlignment="1">
      <alignment vertical="center"/>
    </xf>
    <xf numFmtId="3" fontId="53" fillId="0" borderId="35" xfId="88" applyNumberFormat="1" applyFont="1" applyBorder="1" applyAlignment="1">
      <alignment horizontal="right" vertical="center"/>
    </xf>
    <xf numFmtId="3" fontId="53" fillId="0" borderId="36" xfId="88" applyNumberFormat="1" applyFont="1" applyBorder="1" applyAlignment="1">
      <alignment horizontal="right" vertical="center"/>
    </xf>
    <xf numFmtId="3" fontId="53" fillId="0" borderId="37" xfId="88" applyNumberFormat="1" applyFont="1" applyBorder="1" applyAlignment="1">
      <alignment horizontal="right" vertical="center"/>
    </xf>
    <xf numFmtId="49" fontId="53" fillId="0" borderId="0" xfId="88" applyNumberFormat="1" applyFont="1">
      <alignment vertical="center"/>
    </xf>
    <xf numFmtId="0" fontId="53" fillId="0" borderId="23" xfId="0" applyFont="1" applyBorder="1" applyAlignment="1">
      <alignment horizontal="center" vertical="center" wrapText="1"/>
    </xf>
    <xf numFmtId="0" fontId="53" fillId="0" borderId="45" xfId="0" applyFont="1" applyBorder="1" applyAlignment="1">
      <alignment horizontal="justify" vertical="center"/>
    </xf>
    <xf numFmtId="0" fontId="53" fillId="0" borderId="26" xfId="0" applyFont="1" applyBorder="1" applyAlignment="1">
      <alignment horizontal="justify" vertical="center"/>
    </xf>
    <xf numFmtId="0" fontId="53" fillId="0" borderId="28" xfId="0" applyFont="1" applyBorder="1" applyAlignment="1">
      <alignment horizontal="justify" vertical="center"/>
    </xf>
    <xf numFmtId="0" fontId="53" fillId="0" borderId="41" xfId="0" applyFont="1" applyBorder="1" applyAlignment="1">
      <alignment horizontal="justify" vertical="center"/>
    </xf>
    <xf numFmtId="0" fontId="53" fillId="0" borderId="0" xfId="0" applyFont="1" applyBorder="1" applyAlignment="1">
      <alignment vertical="center"/>
    </xf>
    <xf numFmtId="0" fontId="53" fillId="0" borderId="39" xfId="0" applyFont="1" applyBorder="1" applyAlignment="1">
      <alignment vertical="center"/>
    </xf>
    <xf numFmtId="0" fontId="53" fillId="0" borderId="19" xfId="0" applyFont="1" applyBorder="1" applyAlignment="1">
      <alignment vertical="center"/>
    </xf>
    <xf numFmtId="3" fontId="53" fillId="0" borderId="23" xfId="0" applyNumberFormat="1" applyFont="1" applyBorder="1" applyAlignment="1">
      <alignment vertical="center" wrapText="1"/>
    </xf>
    <xf numFmtId="0" fontId="53" fillId="0" borderId="32" xfId="0" applyFont="1" applyBorder="1" applyAlignment="1">
      <alignment vertical="center"/>
    </xf>
    <xf numFmtId="0" fontId="53" fillId="0" borderId="45" xfId="0" applyFont="1" applyBorder="1" applyAlignment="1">
      <alignment vertical="center"/>
    </xf>
    <xf numFmtId="3" fontId="53" fillId="0" borderId="45" xfId="0" applyNumberFormat="1" applyFont="1" applyBorder="1" applyAlignment="1">
      <alignment vertical="center" wrapText="1"/>
    </xf>
    <xf numFmtId="0" fontId="53" fillId="0" borderId="28" xfId="0" applyFont="1" applyBorder="1" applyAlignment="1">
      <alignment vertical="center"/>
    </xf>
    <xf numFmtId="3" fontId="53" fillId="0" borderId="28" xfId="0" applyNumberFormat="1" applyFont="1" applyBorder="1" applyAlignment="1">
      <alignment vertical="center" wrapText="1"/>
    </xf>
    <xf numFmtId="0" fontId="53" fillId="0" borderId="41" xfId="0" applyFont="1" applyBorder="1" applyAlignment="1">
      <alignment vertical="center"/>
    </xf>
    <xf numFmtId="0" fontId="53" fillId="0" borderId="35" xfId="0" applyFont="1" applyBorder="1" applyAlignment="1">
      <alignment vertical="center"/>
    </xf>
    <xf numFmtId="3" fontId="53" fillId="0" borderId="35" xfId="0" applyNumberFormat="1" applyFont="1" applyBorder="1" applyAlignment="1">
      <alignment vertical="center" wrapText="1"/>
    </xf>
    <xf numFmtId="0" fontId="53" fillId="0" borderId="18" xfId="0" applyFont="1" applyBorder="1" applyAlignment="1">
      <alignment vertical="center"/>
    </xf>
    <xf numFmtId="0" fontId="53" fillId="0" borderId="43" xfId="0" applyFont="1" applyBorder="1" applyAlignment="1">
      <alignment vertical="center"/>
    </xf>
    <xf numFmtId="3" fontId="53" fillId="0" borderId="32" xfId="0" applyNumberFormat="1" applyFont="1" applyBorder="1" applyAlignment="1">
      <alignment vertical="center" wrapText="1"/>
    </xf>
    <xf numFmtId="0" fontId="53" fillId="0" borderId="44" xfId="0" applyFont="1" applyBorder="1" applyAlignment="1">
      <alignment vertical="center"/>
    </xf>
    <xf numFmtId="0" fontId="53" fillId="0" borderId="46" xfId="0" applyFont="1" applyBorder="1" applyAlignment="1">
      <alignment vertical="center"/>
    </xf>
    <xf numFmtId="3" fontId="53" fillId="0" borderId="26" xfId="0" applyNumberFormat="1" applyFont="1" applyBorder="1" applyAlignment="1">
      <alignment vertical="center" wrapText="1"/>
    </xf>
    <xf numFmtId="0" fontId="53" fillId="0" borderId="47" xfId="0" applyFont="1" applyBorder="1" applyAlignment="1">
      <alignment vertical="center"/>
    </xf>
    <xf numFmtId="3" fontId="53" fillId="0" borderId="29" xfId="0" applyNumberFormat="1" applyFont="1" applyBorder="1" applyAlignment="1">
      <alignment vertical="center" wrapText="1"/>
    </xf>
    <xf numFmtId="0" fontId="53" fillId="0" borderId="48" xfId="0" applyFont="1" applyBorder="1" applyAlignment="1">
      <alignment vertical="center"/>
    </xf>
    <xf numFmtId="0" fontId="53" fillId="0" borderId="40" xfId="0" applyFont="1" applyBorder="1" applyAlignment="1">
      <alignment vertical="center"/>
    </xf>
    <xf numFmtId="3" fontId="53" fillId="0" borderId="42" xfId="0" applyNumberFormat="1" applyFont="1" applyBorder="1" applyAlignment="1">
      <alignment vertical="center" wrapText="1"/>
    </xf>
    <xf numFmtId="0" fontId="53" fillId="0" borderId="49" xfId="0" applyFont="1" applyBorder="1" applyAlignment="1">
      <alignment vertical="center" shrinkToFit="1"/>
    </xf>
    <xf numFmtId="0" fontId="53" fillId="0" borderId="50" xfId="0" applyFont="1" applyBorder="1" applyAlignment="1">
      <alignment vertical="center" shrinkToFit="1"/>
    </xf>
    <xf numFmtId="0" fontId="53" fillId="0" borderId="51" xfId="0" applyFont="1" applyBorder="1" applyAlignment="1">
      <alignment vertical="center"/>
    </xf>
    <xf numFmtId="0" fontId="53" fillId="0" borderId="52" xfId="0" applyFont="1" applyBorder="1" applyAlignment="1">
      <alignment vertical="center"/>
    </xf>
    <xf numFmtId="0" fontId="53" fillId="0" borderId="53" xfId="0" applyFont="1" applyBorder="1" applyAlignment="1">
      <alignment vertical="center"/>
    </xf>
    <xf numFmtId="3" fontId="53" fillId="0" borderId="0" xfId="0" applyNumberFormat="1" applyFont="1" applyBorder="1" applyAlignment="1">
      <alignment vertical="center" wrapText="1"/>
    </xf>
    <xf numFmtId="0" fontId="53" fillId="0" borderId="26" xfId="0" applyFont="1" applyBorder="1" applyAlignment="1">
      <alignment vertical="center"/>
    </xf>
    <xf numFmtId="0" fontId="44" fillId="0" borderId="0" xfId="0" applyFont="1" applyFill="1" applyBorder="1" applyAlignment="1">
      <alignment vertical="center"/>
    </xf>
    <xf numFmtId="0" fontId="53" fillId="0" borderId="130" xfId="0" applyFont="1" applyFill="1" applyBorder="1" applyAlignment="1">
      <alignment horizontal="center" vertical="center"/>
    </xf>
    <xf numFmtId="0" fontId="53" fillId="0" borderId="113" xfId="0" applyFont="1" applyBorder="1" applyAlignment="1">
      <alignment horizontal="center" vertical="center"/>
    </xf>
    <xf numFmtId="0" fontId="54" fillId="0" borderId="0" xfId="0" applyFont="1" applyBorder="1" applyAlignment="1">
      <alignment vertical="center"/>
    </xf>
    <xf numFmtId="0" fontId="53" fillId="0" borderId="0" xfId="0" applyFont="1" applyFill="1" applyBorder="1" applyAlignment="1">
      <alignment vertical="center"/>
    </xf>
    <xf numFmtId="0" fontId="53" fillId="0" borderId="126" xfId="0" applyFont="1" applyFill="1" applyBorder="1" applyAlignment="1">
      <alignment horizontal="center" vertical="center"/>
    </xf>
    <xf numFmtId="0" fontId="53" fillId="0" borderId="127" xfId="0" applyFont="1" applyFill="1" applyBorder="1" applyAlignment="1">
      <alignment horizontal="left" vertical="center" wrapText="1"/>
    </xf>
    <xf numFmtId="0" fontId="53" fillId="0" borderId="3" xfId="0" applyFont="1" applyBorder="1" applyAlignment="1">
      <alignment horizontal="left" vertical="center" wrapText="1"/>
    </xf>
    <xf numFmtId="49" fontId="53" fillId="0" borderId="166" xfId="88" applyNumberFormat="1" applyFont="1" applyBorder="1" applyAlignment="1">
      <alignment vertical="center"/>
    </xf>
    <xf numFmtId="49" fontId="53" fillId="0" borderId="167" xfId="88" applyNumberFormat="1" applyFont="1" applyBorder="1" applyAlignment="1">
      <alignment vertical="center"/>
    </xf>
    <xf numFmtId="49" fontId="53" fillId="0" borderId="168" xfId="88" applyNumberFormat="1" applyFont="1" applyBorder="1" applyAlignment="1">
      <alignment vertical="center"/>
    </xf>
    <xf numFmtId="49" fontId="53" fillId="0" borderId="131" xfId="88" applyNumberFormat="1" applyFont="1" applyBorder="1" applyAlignment="1">
      <alignment vertical="center"/>
    </xf>
    <xf numFmtId="0" fontId="53" fillId="0" borderId="131" xfId="88" applyFont="1" applyBorder="1" applyAlignment="1">
      <alignment horizontal="justify" vertical="center"/>
    </xf>
    <xf numFmtId="49" fontId="53" fillId="0" borderId="131" xfId="88" applyNumberFormat="1" applyFont="1" applyBorder="1" applyAlignment="1">
      <alignment horizontal="justify" vertical="center"/>
    </xf>
    <xf numFmtId="49" fontId="53" fillId="0" borderId="169" xfId="88" applyNumberFormat="1" applyFont="1" applyBorder="1" applyAlignment="1">
      <alignment vertical="center" wrapText="1"/>
    </xf>
    <xf numFmtId="49" fontId="53" fillId="0" borderId="169" xfId="88" applyNumberFormat="1" applyFont="1" applyBorder="1" applyAlignment="1">
      <alignment vertical="center"/>
    </xf>
    <xf numFmtId="0" fontId="53" fillId="0" borderId="151" xfId="0" applyFont="1" applyBorder="1" applyAlignment="1">
      <alignment horizontal="center" vertical="center" wrapText="1"/>
    </xf>
    <xf numFmtId="0" fontId="12" fillId="0" borderId="23" xfId="0" applyFont="1" applyBorder="1" applyAlignment="1">
      <alignment horizontal="center" vertical="center" wrapText="1"/>
    </xf>
    <xf numFmtId="0" fontId="11" fillId="0" borderId="56" xfId="0" applyFont="1" applyBorder="1" applyAlignment="1">
      <alignment vertical="center"/>
    </xf>
    <xf numFmtId="0" fontId="11" fillId="0" borderId="0" xfId="0" applyFont="1" applyBorder="1" applyAlignment="1">
      <alignment vertical="center"/>
    </xf>
    <xf numFmtId="0" fontId="25" fillId="0" borderId="0" xfId="0" applyFont="1" applyAlignment="1">
      <alignment vertical="center"/>
    </xf>
    <xf numFmtId="0" fontId="53" fillId="0" borderId="0" xfId="0" applyFont="1" applyAlignment="1">
      <alignment vertical="center"/>
    </xf>
    <xf numFmtId="0" fontId="53" fillId="0" borderId="45" xfId="0" applyFont="1" applyBorder="1" applyAlignment="1">
      <alignment horizontal="right" vertical="center"/>
    </xf>
    <xf numFmtId="0" fontId="53" fillId="0" borderId="26" xfId="0" applyFont="1" applyBorder="1" applyAlignment="1">
      <alignment horizontal="right" vertical="center"/>
    </xf>
    <xf numFmtId="0" fontId="53" fillId="0" borderId="28" xfId="0" applyFont="1" applyBorder="1" applyAlignment="1">
      <alignment horizontal="right" vertical="center"/>
    </xf>
    <xf numFmtId="0" fontId="53" fillId="0" borderId="41" xfId="0" applyFont="1" applyBorder="1" applyAlignment="1">
      <alignment horizontal="right" vertical="center"/>
    </xf>
    <xf numFmtId="0" fontId="53" fillId="0" borderId="35" xfId="0" applyFont="1" applyBorder="1" applyAlignment="1">
      <alignment horizontal="right" vertical="center"/>
    </xf>
    <xf numFmtId="0" fontId="12" fillId="0" borderId="71" xfId="87" applyFont="1" applyFill="1" applyBorder="1" applyAlignment="1">
      <alignment horizontal="left" vertical="center" indent="1"/>
    </xf>
    <xf numFmtId="0" fontId="12" fillId="0" borderId="140" xfId="87" applyFont="1" applyFill="1" applyBorder="1" applyAlignment="1">
      <alignment horizontal="center" vertical="center"/>
    </xf>
    <xf numFmtId="0" fontId="12" fillId="0" borderId="139" xfId="87" applyFont="1" applyFill="1" applyBorder="1" applyAlignment="1">
      <alignment horizontal="center" vertical="center"/>
    </xf>
    <xf numFmtId="38" fontId="28" fillId="0" borderId="3" xfId="68" applyFill="1" applyBorder="1" applyAlignment="1">
      <alignment vertical="center"/>
    </xf>
    <xf numFmtId="0" fontId="56" fillId="0" borderId="0" xfId="89" applyFont="1" applyFill="1" applyBorder="1" applyAlignment="1">
      <alignment vertical="center"/>
    </xf>
    <xf numFmtId="0" fontId="12" fillId="0" borderId="0" xfId="87" applyFont="1" applyFill="1" applyAlignment="1">
      <alignment horizontal="left" vertical="center"/>
    </xf>
    <xf numFmtId="0" fontId="11" fillId="0" borderId="0" xfId="0" applyFont="1" applyAlignment="1">
      <alignment vertical="center"/>
    </xf>
    <xf numFmtId="0" fontId="56" fillId="0" borderId="0" xfId="89" applyFont="1" applyFill="1" applyAlignment="1">
      <alignment horizontal="left" vertical="center"/>
    </xf>
    <xf numFmtId="0" fontId="56" fillId="0" borderId="0" xfId="0" applyFont="1" applyAlignment="1">
      <alignment vertical="center"/>
    </xf>
    <xf numFmtId="0" fontId="53" fillId="0" borderId="44" xfId="0" applyFont="1" applyBorder="1" applyAlignment="1">
      <alignment vertical="center"/>
    </xf>
    <xf numFmtId="0" fontId="53" fillId="0" borderId="51" xfId="0" applyFont="1" applyBorder="1" applyAlignment="1">
      <alignment vertical="center"/>
    </xf>
    <xf numFmtId="0" fontId="53" fillId="0" borderId="28" xfId="0" applyFont="1" applyBorder="1" applyAlignment="1">
      <alignment vertical="center"/>
    </xf>
    <xf numFmtId="0" fontId="47" fillId="0" borderId="0" xfId="0" applyFont="1" applyBorder="1" applyAlignment="1">
      <alignment horizontal="distributed" vertical="center" indent="1"/>
    </xf>
    <xf numFmtId="49" fontId="49" fillId="0" borderId="0" xfId="89" applyNumberFormat="1" applyFont="1" applyBorder="1" applyAlignment="1">
      <alignment horizontal="center" vertical="center"/>
    </xf>
    <xf numFmtId="0" fontId="50" fillId="0" borderId="0" xfId="89" applyFont="1" applyBorder="1" applyAlignment="1">
      <alignment horizontal="center" vertical="center"/>
    </xf>
    <xf numFmtId="0" fontId="12" fillId="0" borderId="0" xfId="89" applyFont="1" applyBorder="1">
      <alignment vertical="center"/>
    </xf>
    <xf numFmtId="0" fontId="47" fillId="0" borderId="0" xfId="0" applyFont="1" applyBorder="1" applyAlignment="1">
      <alignment horizontal="distributed" vertical="center"/>
    </xf>
    <xf numFmtId="0" fontId="22" fillId="0" borderId="0" xfId="89" applyFont="1" applyBorder="1">
      <alignment vertical="center"/>
    </xf>
    <xf numFmtId="0" fontId="24" fillId="0" borderId="41" xfId="89" applyFont="1" applyFill="1" applyBorder="1" applyAlignment="1">
      <alignment vertical="center" wrapText="1"/>
    </xf>
    <xf numFmtId="0" fontId="21" fillId="0" borderId="0" xfId="89" applyFont="1" applyFill="1" applyBorder="1" applyAlignment="1">
      <alignment horizontal="center" vertical="center"/>
    </xf>
    <xf numFmtId="0" fontId="12" fillId="0" borderId="56" xfId="89" applyFont="1" applyFill="1" applyBorder="1" applyAlignment="1">
      <alignment horizontal="left" vertical="center" wrapText="1"/>
    </xf>
    <xf numFmtId="0" fontId="24" fillId="0" borderId="103" xfId="89" applyFont="1" applyFill="1" applyBorder="1" applyAlignment="1">
      <alignment horizontal="center" vertical="center" wrapText="1"/>
    </xf>
    <xf numFmtId="0" fontId="24" fillId="0" borderId="44" xfId="89" applyFont="1" applyFill="1" applyBorder="1" applyAlignment="1">
      <alignment vertical="center" wrapText="1"/>
    </xf>
    <xf numFmtId="0" fontId="24" fillId="0" borderId="131" xfId="89" applyFont="1" applyFill="1" applyBorder="1" applyAlignment="1">
      <alignment vertical="center" wrapText="1"/>
    </xf>
    <xf numFmtId="0" fontId="24" fillId="0" borderId="58" xfId="89" applyFont="1" applyFill="1" applyBorder="1" applyAlignment="1">
      <alignment vertical="center" wrapText="1"/>
    </xf>
    <xf numFmtId="0" fontId="12" fillId="0" borderId="0" xfId="0" applyFont="1" applyAlignment="1">
      <alignment vertical="center"/>
    </xf>
    <xf numFmtId="0" fontId="12" fillId="0" borderId="0" xfId="0" applyFont="1" applyAlignment="1">
      <alignment vertical="center" wrapText="1"/>
    </xf>
    <xf numFmtId="0" fontId="12" fillId="0" borderId="0" xfId="0" applyFont="1" applyAlignment="1">
      <alignment horizontal="right" vertical="center"/>
    </xf>
    <xf numFmtId="0" fontId="53" fillId="0" borderId="31" xfId="88" applyFont="1" applyBorder="1" applyAlignment="1">
      <alignment horizontal="justify" vertical="center"/>
    </xf>
    <xf numFmtId="0" fontId="53" fillId="0" borderId="138" xfId="88" applyFont="1" applyFill="1" applyBorder="1" applyAlignment="1">
      <alignment horizontal="center" vertical="center" wrapText="1"/>
    </xf>
    <xf numFmtId="0" fontId="53" fillId="0" borderId="53" xfId="88" applyFont="1" applyFill="1" applyBorder="1" applyAlignment="1">
      <alignment horizontal="center" vertical="center" wrapText="1"/>
    </xf>
    <xf numFmtId="0" fontId="53" fillId="0" borderId="19" xfId="88" applyFont="1" applyFill="1" applyBorder="1" applyAlignment="1">
      <alignment horizontal="center" vertical="center" wrapText="1"/>
    </xf>
    <xf numFmtId="0" fontId="53" fillId="0" borderId="139" xfId="88" applyFont="1" applyBorder="1" applyAlignment="1">
      <alignment horizontal="center" vertical="center"/>
    </xf>
    <xf numFmtId="0" fontId="53" fillId="0" borderId="140" xfId="88" applyFont="1" applyBorder="1" applyAlignment="1">
      <alignment horizontal="center" vertical="center"/>
    </xf>
    <xf numFmtId="49" fontId="53" fillId="0" borderId="132" xfId="88" applyNumberFormat="1" applyFont="1" applyFill="1" applyBorder="1" applyAlignment="1">
      <alignment horizontal="center" vertical="center"/>
    </xf>
    <xf numFmtId="49" fontId="53" fillId="0" borderId="133" xfId="88" applyNumberFormat="1" applyFont="1" applyFill="1" applyBorder="1" applyAlignment="1">
      <alignment horizontal="center" vertical="center"/>
    </xf>
    <xf numFmtId="49" fontId="53" fillId="0" borderId="134" xfId="88" applyNumberFormat="1" applyFont="1" applyFill="1" applyBorder="1" applyAlignment="1">
      <alignment horizontal="center" vertical="center"/>
    </xf>
    <xf numFmtId="49" fontId="53" fillId="0" borderId="135" xfId="88" applyNumberFormat="1" applyFont="1" applyFill="1" applyBorder="1" applyAlignment="1">
      <alignment horizontal="center" vertical="center"/>
    </xf>
    <xf numFmtId="49" fontId="53" fillId="0" borderId="109" xfId="88" applyNumberFormat="1" applyFont="1" applyFill="1" applyBorder="1" applyAlignment="1">
      <alignment horizontal="center" vertical="center"/>
    </xf>
    <xf numFmtId="49" fontId="53" fillId="0" borderId="136" xfId="88" applyNumberFormat="1" applyFont="1" applyFill="1" applyBorder="1" applyAlignment="1">
      <alignment horizontal="center" vertical="center"/>
    </xf>
    <xf numFmtId="0" fontId="53" fillId="0" borderId="58" xfId="88" applyFont="1" applyBorder="1" applyAlignment="1">
      <alignment horizontal="center" vertical="center"/>
    </xf>
    <xf numFmtId="0" fontId="53" fillId="0" borderId="137" xfId="88" applyFont="1" applyBorder="1" applyAlignment="1">
      <alignment horizontal="justify" vertical="center"/>
    </xf>
    <xf numFmtId="49" fontId="53" fillId="0" borderId="34" xfId="88" applyNumberFormat="1" applyFont="1" applyBorder="1" applyAlignment="1">
      <alignment horizontal="justify" vertical="center"/>
    </xf>
    <xf numFmtId="0" fontId="53" fillId="0" borderId="55" xfId="88" applyFont="1" applyBorder="1" applyAlignment="1">
      <alignment horizontal="center" vertical="center"/>
    </xf>
    <xf numFmtId="0" fontId="53" fillId="0" borderId="141" xfId="88" applyFont="1" applyBorder="1" applyAlignment="1">
      <alignment horizontal="justify" vertical="center"/>
    </xf>
    <xf numFmtId="0" fontId="53" fillId="0" borderId="142" xfId="88" applyFont="1" applyBorder="1" applyAlignment="1">
      <alignment horizontal="center" vertical="center" textRotation="255"/>
    </xf>
    <xf numFmtId="0" fontId="53" fillId="0" borderId="143" xfId="88" applyFont="1" applyBorder="1" applyAlignment="1">
      <alignment horizontal="center" vertical="center" textRotation="255"/>
    </xf>
    <xf numFmtId="0" fontId="53" fillId="0" borderId="25" xfId="88" applyFont="1" applyBorder="1" applyAlignment="1">
      <alignment horizontal="justify" vertical="center"/>
    </xf>
    <xf numFmtId="0" fontId="53" fillId="0" borderId="131" xfId="88" applyFont="1" applyBorder="1" applyAlignment="1">
      <alignment horizontal="justify" vertical="center"/>
    </xf>
    <xf numFmtId="0" fontId="53" fillId="0" borderId="131" xfId="88" applyFont="1" applyBorder="1" applyAlignment="1">
      <alignment horizontal="center" vertical="center"/>
    </xf>
    <xf numFmtId="49" fontId="53" fillId="0" borderId="25" xfId="88" applyNumberFormat="1" applyFont="1" applyBorder="1" applyAlignment="1">
      <alignment horizontal="justify" vertical="center"/>
    </xf>
    <xf numFmtId="49" fontId="53" fillId="0" borderId="131" xfId="88" applyNumberFormat="1" applyFont="1" applyBorder="1" applyAlignment="1">
      <alignment horizontal="justify" vertical="center"/>
    </xf>
    <xf numFmtId="0" fontId="53" fillId="0" borderId="37" xfId="0" applyFont="1" applyBorder="1" applyAlignment="1">
      <alignment horizontal="center" vertical="center" textRotation="255"/>
    </xf>
    <xf numFmtId="0" fontId="53" fillId="0" borderId="145" xfId="0" applyFont="1" applyFill="1" applyBorder="1" applyAlignment="1">
      <alignment horizontal="center" vertical="center"/>
    </xf>
    <xf numFmtId="0" fontId="53" fillId="0" borderId="146" xfId="0" applyFont="1" applyFill="1" applyBorder="1" applyAlignment="1">
      <alignment horizontal="center" vertical="center"/>
    </xf>
    <xf numFmtId="0" fontId="53" fillId="0" borderId="42" xfId="0" applyFont="1" applyBorder="1" applyAlignment="1">
      <alignment horizontal="center" vertical="center" textRotation="255"/>
    </xf>
    <xf numFmtId="0" fontId="53" fillId="0" borderId="32" xfId="0" applyFont="1" applyBorder="1" applyAlignment="1">
      <alignment horizontal="center" vertical="center" textRotation="255"/>
    </xf>
    <xf numFmtId="0" fontId="53" fillId="0" borderId="41" xfId="0" applyFont="1" applyBorder="1" applyAlignment="1">
      <alignment horizontal="center" vertical="center" textRotation="255"/>
    </xf>
    <xf numFmtId="38" fontId="51" fillId="0" borderId="144" xfId="68" applyFont="1" applyBorder="1" applyAlignment="1">
      <alignment horizontal="right" vertical="center"/>
    </xf>
    <xf numFmtId="38" fontId="51" fillId="0" borderId="2" xfId="68" applyFont="1" applyBorder="1" applyAlignment="1">
      <alignment horizontal="right" vertical="center"/>
    </xf>
    <xf numFmtId="0" fontId="53" fillId="0" borderId="42" xfId="0" applyFont="1" applyBorder="1" applyAlignment="1">
      <alignment horizontal="center" vertical="center"/>
    </xf>
    <xf numFmtId="0" fontId="53" fillId="0" borderId="151" xfId="0" applyFont="1" applyBorder="1" applyAlignment="1">
      <alignment horizontal="center" vertical="center"/>
    </xf>
    <xf numFmtId="0" fontId="53" fillId="0" borderId="150" xfId="0" applyFont="1" applyFill="1" applyBorder="1" applyAlignment="1">
      <alignment horizontal="center" vertical="center"/>
    </xf>
    <xf numFmtId="0" fontId="53" fillId="0" borderId="147" xfId="0" applyFont="1" applyFill="1" applyBorder="1" applyAlignment="1">
      <alignment horizontal="left" vertical="center" wrapText="1"/>
    </xf>
    <xf numFmtId="0" fontId="53" fillId="0" borderId="149" xfId="0" applyFont="1" applyFill="1" applyBorder="1" applyAlignment="1">
      <alignment horizontal="left" vertical="center" wrapText="1"/>
    </xf>
    <xf numFmtId="0" fontId="53" fillId="0" borderId="144" xfId="0" applyFont="1" applyBorder="1" applyAlignment="1">
      <alignment horizontal="left" vertical="center" wrapText="1"/>
    </xf>
    <xf numFmtId="0" fontId="53" fillId="0" borderId="113" xfId="0" applyFont="1" applyBorder="1" applyAlignment="1">
      <alignment horizontal="left" vertical="center" wrapText="1"/>
    </xf>
    <xf numFmtId="0" fontId="53" fillId="0" borderId="141" xfId="0" applyFont="1" applyBorder="1" applyAlignment="1">
      <alignment horizontal="center" vertical="center" wrapText="1"/>
    </xf>
    <xf numFmtId="0" fontId="53" fillId="0" borderId="155" xfId="0" applyFont="1" applyBorder="1" applyAlignment="1">
      <alignment horizontal="center" vertical="center" wrapText="1"/>
    </xf>
    <xf numFmtId="38" fontId="51" fillId="0" borderId="147" xfId="68" applyFont="1" applyFill="1" applyBorder="1" applyAlignment="1">
      <alignment horizontal="right" vertical="center"/>
    </xf>
    <xf numFmtId="38" fontId="51" fillId="0" borderId="148" xfId="68" applyFont="1" applyFill="1" applyBorder="1" applyAlignment="1">
      <alignment horizontal="right" vertical="center"/>
    </xf>
    <xf numFmtId="0" fontId="53" fillId="0" borderId="49" xfId="0" applyFont="1" applyBorder="1" applyAlignment="1">
      <alignment vertical="center"/>
    </xf>
    <xf numFmtId="0" fontId="53" fillId="0" borderId="44" xfId="0" applyFont="1" applyBorder="1" applyAlignment="1">
      <alignment vertical="center"/>
    </xf>
    <xf numFmtId="0" fontId="53" fillId="0" borderId="51" xfId="0" applyFont="1" applyBorder="1" applyAlignment="1">
      <alignment vertical="center"/>
    </xf>
    <xf numFmtId="0" fontId="53" fillId="0" borderId="131" xfId="0" applyFont="1" applyBorder="1" applyAlignment="1">
      <alignment vertical="center"/>
    </xf>
    <xf numFmtId="0" fontId="53" fillId="0" borderId="57" xfId="0" applyFont="1" applyBorder="1" applyAlignment="1">
      <alignment vertical="center"/>
    </xf>
    <xf numFmtId="0" fontId="53" fillId="0" borderId="58" xfId="0" applyFont="1" applyBorder="1" applyAlignment="1">
      <alignment vertical="center"/>
    </xf>
    <xf numFmtId="0" fontId="53" fillId="0" borderId="23" xfId="0" applyFont="1" applyBorder="1" applyAlignment="1">
      <alignment horizontal="center" vertical="center" wrapText="1"/>
    </xf>
    <xf numFmtId="0" fontId="53" fillId="0" borderId="23" xfId="0" applyFont="1" applyBorder="1" applyAlignment="1">
      <alignment horizontal="center" vertical="center" textRotation="255" wrapText="1"/>
    </xf>
    <xf numFmtId="0" fontId="53" fillId="0" borderId="45" xfId="0" applyFont="1" applyBorder="1" applyAlignment="1">
      <alignment horizontal="justify" vertical="center"/>
    </xf>
    <xf numFmtId="0" fontId="53" fillId="0" borderId="28" xfId="0" applyFont="1" applyBorder="1" applyAlignment="1">
      <alignment horizontal="justify" vertical="center"/>
    </xf>
    <xf numFmtId="0" fontId="53" fillId="0" borderId="28" xfId="0" applyFont="1" applyBorder="1" applyAlignment="1">
      <alignment vertical="center"/>
    </xf>
    <xf numFmtId="0" fontId="53" fillId="0" borderId="23" xfId="0" applyFont="1" applyBorder="1" applyAlignment="1">
      <alignment horizontal="justify" vertical="center"/>
    </xf>
    <xf numFmtId="0" fontId="53" fillId="0" borderId="23" xfId="0" applyFont="1" applyBorder="1" applyAlignment="1">
      <alignment horizontal="justify" vertical="center" wrapText="1"/>
    </xf>
    <xf numFmtId="0" fontId="53" fillId="0" borderId="45" xfId="0" applyFont="1" applyBorder="1" applyAlignment="1">
      <alignment horizontal="left" vertical="center"/>
    </xf>
    <xf numFmtId="0" fontId="53" fillId="0" borderId="28" xfId="0" applyFont="1" applyBorder="1" applyAlignment="1">
      <alignment horizontal="left" vertical="center"/>
    </xf>
    <xf numFmtId="0" fontId="53" fillId="0" borderId="35" xfId="0" applyFont="1" applyBorder="1" applyAlignment="1">
      <alignment horizontal="left" vertical="center"/>
    </xf>
    <xf numFmtId="0" fontId="53" fillId="0" borderId="35" xfId="0" applyFont="1" applyBorder="1" applyAlignment="1">
      <alignment horizontal="center" vertical="center"/>
    </xf>
    <xf numFmtId="0" fontId="53" fillId="0" borderId="18" xfId="0" applyFont="1" applyBorder="1" applyAlignment="1">
      <alignment horizontal="center" vertical="center" textRotation="255" wrapText="1"/>
    </xf>
    <xf numFmtId="0" fontId="12" fillId="0" borderId="0" xfId="0" applyFont="1" applyBorder="1" applyAlignment="1">
      <alignment horizontal="left" vertical="center" wrapText="1"/>
    </xf>
    <xf numFmtId="0" fontId="12" fillId="0" borderId="23" xfId="0" applyFont="1" applyBorder="1" applyAlignment="1">
      <alignment horizontal="center" vertical="center" wrapText="1"/>
    </xf>
    <xf numFmtId="0" fontId="12" fillId="0" borderId="144" xfId="87" applyFont="1" applyFill="1" applyBorder="1" applyAlignment="1">
      <alignment vertical="center"/>
    </xf>
    <xf numFmtId="0" fontId="12" fillId="0" borderId="2" xfId="87" applyFont="1" applyFill="1" applyBorder="1" applyAlignment="1">
      <alignment vertical="center"/>
    </xf>
    <xf numFmtId="0" fontId="12" fillId="0" borderId="113" xfId="87" applyFont="1" applyFill="1" applyBorder="1" applyAlignment="1">
      <alignment vertical="center"/>
    </xf>
    <xf numFmtId="0" fontId="12" fillId="0" borderId="132" xfId="87" applyFont="1" applyFill="1" applyBorder="1" applyAlignment="1">
      <alignment vertical="center"/>
    </xf>
    <xf numFmtId="0" fontId="12" fillId="0" borderId="133" xfId="87" applyFont="1" applyFill="1" applyBorder="1" applyAlignment="1">
      <alignment vertical="center"/>
    </xf>
    <xf numFmtId="0" fontId="12" fillId="0" borderId="134" xfId="87" applyFont="1" applyFill="1" applyBorder="1" applyAlignment="1">
      <alignment vertical="center"/>
    </xf>
    <xf numFmtId="0" fontId="12" fillId="0" borderId="135" xfId="87" applyFont="1" applyFill="1" applyBorder="1" applyAlignment="1">
      <alignment vertical="center"/>
    </xf>
    <xf numFmtId="0" fontId="12" fillId="0" borderId="109" xfId="87" applyFont="1" applyFill="1" applyBorder="1" applyAlignment="1">
      <alignment vertical="center"/>
    </xf>
    <xf numFmtId="0" fontId="12" fillId="0" borderId="136" xfId="87" applyFont="1" applyFill="1" applyBorder="1" applyAlignment="1">
      <alignment vertical="center"/>
    </xf>
    <xf numFmtId="0" fontId="11" fillId="0" borderId="0" xfId="87" applyFont="1" applyFill="1" applyBorder="1" applyAlignment="1">
      <alignment vertical="center"/>
    </xf>
    <xf numFmtId="0" fontId="25" fillId="0" borderId="28" xfId="0" applyFont="1" applyFill="1" applyBorder="1" applyAlignment="1">
      <alignment horizontal="justify" vertical="center"/>
    </xf>
    <xf numFmtId="0" fontId="25" fillId="0" borderId="141" xfId="0" applyFont="1" applyFill="1" applyBorder="1" applyAlignment="1">
      <alignment horizontal="center" vertical="center" wrapText="1"/>
    </xf>
    <xf numFmtId="0" fontId="25" fillId="0" borderId="42" xfId="0" applyFont="1" applyFill="1" applyBorder="1" applyAlignment="1">
      <alignment horizontal="center" vertical="center" wrapText="1"/>
    </xf>
    <xf numFmtId="0" fontId="25" fillId="0" borderId="54" xfId="0" applyFont="1" applyFill="1" applyBorder="1" applyAlignment="1">
      <alignment horizontal="justify" vertical="center" wrapText="1"/>
    </xf>
    <xf numFmtId="0" fontId="25" fillId="0" borderId="49" xfId="0" applyFont="1" applyFill="1" applyBorder="1" applyAlignment="1">
      <alignment horizontal="justify" vertical="center" wrapText="1"/>
    </xf>
    <xf numFmtId="0" fontId="25" fillId="0" borderId="28" xfId="0" applyFont="1" applyFill="1" applyBorder="1" applyAlignment="1">
      <alignment horizontal="justify" vertical="center" wrapText="1"/>
    </xf>
    <xf numFmtId="0" fontId="25" fillId="0" borderId="52" xfId="0" applyFont="1" applyFill="1" applyBorder="1" applyAlignment="1">
      <alignment horizontal="justify" vertical="center" wrapText="1"/>
    </xf>
    <xf numFmtId="0" fontId="25" fillId="0" borderId="39" xfId="0" applyFont="1" applyFill="1" applyBorder="1" applyAlignment="1">
      <alignment horizontal="justify" vertical="center" wrapText="1"/>
    </xf>
    <xf numFmtId="0" fontId="25" fillId="0" borderId="45" xfId="0" applyFont="1" applyFill="1" applyBorder="1" applyAlignment="1">
      <alignment horizontal="justify" vertical="center"/>
    </xf>
    <xf numFmtId="0" fontId="25" fillId="0" borderId="26" xfId="0" applyFont="1" applyFill="1" applyBorder="1" applyAlignment="1">
      <alignment horizontal="justify" vertical="center"/>
    </xf>
    <xf numFmtId="0" fontId="25" fillId="0" borderId="23" xfId="0" applyFont="1" applyFill="1" applyBorder="1" applyAlignment="1">
      <alignment horizontal="justify" vertical="center" wrapText="1"/>
    </xf>
    <xf numFmtId="0" fontId="25" fillId="0" borderId="35" xfId="0" applyFont="1" applyFill="1" applyBorder="1" applyAlignment="1">
      <alignment horizontal="justify" vertical="center"/>
    </xf>
    <xf numFmtId="0" fontId="25" fillId="0" borderId="153" xfId="0" applyFont="1" applyFill="1" applyBorder="1" applyAlignment="1">
      <alignment horizontal="justify" vertical="center" wrapText="1"/>
    </xf>
    <xf numFmtId="0" fontId="25" fillId="0" borderId="154" xfId="0" applyFont="1" applyFill="1" applyBorder="1" applyAlignment="1">
      <alignment horizontal="justify" vertical="center" wrapText="1"/>
    </xf>
    <xf numFmtId="0" fontId="25" fillId="0" borderId="155" xfId="0" applyFont="1" applyFill="1" applyBorder="1" applyAlignment="1">
      <alignment horizontal="justify" vertical="center" wrapText="1"/>
    </xf>
    <xf numFmtId="0" fontId="25" fillId="0" borderId="156" xfId="0" applyFont="1" applyFill="1" applyBorder="1" applyAlignment="1">
      <alignment horizontal="center" vertical="center" wrapText="1"/>
    </xf>
    <xf numFmtId="0" fontId="25" fillId="0" borderId="2" xfId="0" applyFont="1" applyFill="1" applyBorder="1" applyAlignment="1">
      <alignment horizontal="center" vertical="center" wrapText="1"/>
    </xf>
    <xf numFmtId="0" fontId="25" fillId="0" borderId="152" xfId="0" applyFont="1" applyFill="1" applyBorder="1" applyAlignment="1">
      <alignment horizontal="center" vertical="center" wrapText="1"/>
    </xf>
    <xf numFmtId="0" fontId="25" fillId="0" borderId="157" xfId="0" applyFont="1" applyFill="1" applyBorder="1" applyAlignment="1">
      <alignment horizontal="center" vertical="center"/>
    </xf>
    <xf numFmtId="0" fontId="25" fillId="0" borderId="158" xfId="0" applyFont="1" applyFill="1" applyBorder="1" applyAlignment="1">
      <alignment horizontal="center" vertical="center"/>
    </xf>
    <xf numFmtId="0" fontId="25" fillId="0" borderId="159" xfId="0" applyFont="1" applyFill="1" applyBorder="1" applyAlignment="1">
      <alignment horizontal="center" vertical="center" wrapText="1"/>
    </xf>
    <xf numFmtId="0" fontId="25" fillId="0" borderId="160" xfId="0" applyFont="1" applyFill="1" applyBorder="1" applyAlignment="1">
      <alignment horizontal="center" vertical="center" wrapText="1"/>
    </xf>
    <xf numFmtId="0" fontId="25" fillId="0" borderId="161" xfId="0" applyFont="1" applyFill="1" applyBorder="1" applyAlignment="1">
      <alignment horizontal="center" vertical="center" wrapText="1"/>
    </xf>
    <xf numFmtId="0" fontId="25" fillId="0" borderId="162" xfId="0" applyFont="1" applyFill="1" applyBorder="1" applyAlignment="1">
      <alignment horizontal="center" vertical="center" wrapText="1"/>
    </xf>
    <xf numFmtId="0" fontId="25" fillId="0" borderId="163" xfId="0" applyFont="1" applyFill="1" applyBorder="1" applyAlignment="1">
      <alignment horizontal="center" vertical="center" wrapText="1"/>
    </xf>
    <xf numFmtId="0" fontId="56" fillId="0" borderId="0" xfId="89" applyFont="1" applyFill="1" applyBorder="1" applyAlignment="1">
      <alignment horizontal="center" vertical="center"/>
    </xf>
    <xf numFmtId="0" fontId="12" fillId="0" borderId="18" xfId="0" applyFont="1" applyBorder="1" applyAlignment="1">
      <alignment horizontal="center" vertical="center"/>
    </xf>
    <xf numFmtId="0" fontId="12" fillId="0" borderId="53" xfId="0" applyFont="1" applyBorder="1" applyAlignment="1">
      <alignment horizontal="center" vertical="center"/>
    </xf>
    <xf numFmtId="0" fontId="12" fillId="0" borderId="19" xfId="0" applyFont="1" applyBorder="1" applyAlignment="1">
      <alignment horizontal="center" vertical="center"/>
    </xf>
    <xf numFmtId="0" fontId="12" fillId="0" borderId="42" xfId="0" applyFont="1" applyBorder="1" applyAlignment="1">
      <alignment vertical="center" textRotation="255"/>
    </xf>
    <xf numFmtId="0" fontId="12" fillId="0" borderId="32" xfId="0" applyFont="1" applyBorder="1" applyAlignment="1">
      <alignment vertical="center" textRotation="255"/>
    </xf>
    <xf numFmtId="0" fontId="12" fillId="0" borderId="41" xfId="0" applyFont="1" applyBorder="1" applyAlignment="1">
      <alignment vertical="center" textRotation="255"/>
    </xf>
    <xf numFmtId="0" fontId="0" fillId="0" borderId="0" xfId="0" applyAlignment="1">
      <alignment vertical="center" wrapText="1"/>
    </xf>
    <xf numFmtId="0" fontId="12" fillId="0" borderId="129" xfId="0" applyFont="1" applyBorder="1" applyAlignment="1">
      <alignment horizontal="center" vertical="center"/>
    </xf>
    <xf numFmtId="0" fontId="12" fillId="0" borderId="164" xfId="0" applyFont="1" applyBorder="1" applyAlignment="1">
      <alignment horizontal="center" vertical="center"/>
    </xf>
    <xf numFmtId="0" fontId="12" fillId="0" borderId="165" xfId="0" applyFont="1" applyBorder="1" applyAlignment="1">
      <alignment horizontal="center" vertical="center" textRotation="255"/>
    </xf>
    <xf numFmtId="0" fontId="12" fillId="0" borderId="32" xfId="0" applyFont="1" applyBorder="1" applyAlignment="1">
      <alignment horizontal="center" vertical="center" textRotation="255"/>
    </xf>
    <xf numFmtId="0" fontId="12" fillId="0" borderId="41" xfId="0" applyFont="1" applyBorder="1" applyAlignment="1">
      <alignment horizontal="center" vertical="center" textRotation="255"/>
    </xf>
  </cellXfs>
  <cellStyles count="9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Calc Currency (0)" xfId="19"/>
    <cellStyle name="Comma [0]_laroux" xfId="20"/>
    <cellStyle name="Comma_laroux" xfId="21"/>
    <cellStyle name="Currency [0]_laroux" xfId="22"/>
    <cellStyle name="Currency_laroux" xfId="23"/>
    <cellStyle name="entry" xfId="24"/>
    <cellStyle name="Grey" xfId="25"/>
    <cellStyle name="Header1" xfId="26"/>
    <cellStyle name="Header2" xfId="27"/>
    <cellStyle name="Input [yellow]" xfId="28"/>
    <cellStyle name="Normal - Style1" xfId="29"/>
    <cellStyle name="Normal_#18-Internet" xfId="30"/>
    <cellStyle name="Percent [2]" xfId="31"/>
    <cellStyle name="price" xfId="32"/>
    <cellStyle name="revised" xfId="33"/>
    <cellStyle name="s]_x000d__x000a_load=_x000d__x000a_Beep=yes_x000d__x000a_NullPort=None_x000d__x000a_BorderWidth=3_x000d__x000a_CursorBlinkRate=530_x000d__x000a_DoubleClickSpeed=452_x000d__x000a_Programs=com exe bat pif_x000d_" xfId="34"/>
    <cellStyle name="section" xfId="35"/>
    <cellStyle name="subhead" xfId="36"/>
    <cellStyle name="title" xfId="37"/>
    <cellStyle name="アクセント 1" xfId="38" builtinId="29" customBuiltin="1"/>
    <cellStyle name="アクセント 2" xfId="39" builtinId="33" customBuiltin="1"/>
    <cellStyle name="アクセント 3" xfId="40" builtinId="37" customBuiltin="1"/>
    <cellStyle name="アクセント 4" xfId="41" builtinId="41" customBuiltin="1"/>
    <cellStyle name="アクセント 5" xfId="42" builtinId="45" customBuiltin="1"/>
    <cellStyle name="アクセント 6" xfId="43" builtinId="49" customBuiltin="1"/>
    <cellStyle name="オブジェクト入力セル" xfId="44"/>
    <cellStyle name="スタイル 1" xfId="45"/>
    <cellStyle name="スタイル 10" xfId="46"/>
    <cellStyle name="スタイル 11" xfId="47"/>
    <cellStyle name="スタイル 12" xfId="48"/>
    <cellStyle name="スタイル 2" xfId="49"/>
    <cellStyle name="スタイル 3" xfId="50"/>
    <cellStyle name="スタイル 4" xfId="51"/>
    <cellStyle name="スタイル 5" xfId="52"/>
    <cellStyle name="スタイル 6" xfId="53"/>
    <cellStyle name="スタイル 7" xfId="54"/>
    <cellStyle name="スタイル 8" xfId="55"/>
    <cellStyle name="スタイル 9" xfId="56"/>
    <cellStyle name="タイトル" xfId="57" builtinId="15" customBuiltin="1"/>
    <cellStyle name="チェック セル" xfId="58" builtinId="23" customBuiltin="1"/>
    <cellStyle name="どちらでもない" xfId="59" builtinId="28" customBuiltin="1"/>
    <cellStyle name="マクロ入力セル" xfId="60"/>
    <cellStyle name="メモ" xfId="61" builtinId="10" customBuiltin="1"/>
    <cellStyle name="リンク セル" xfId="62" builtinId="24" customBuiltin="1"/>
    <cellStyle name="悪い" xfId="63" builtinId="27" customBuiltin="1"/>
    <cellStyle name="計算" xfId="64" builtinId="22" customBuiltin="1"/>
    <cellStyle name="警告文" xfId="65" builtinId="11" customBuiltin="1"/>
    <cellStyle name="桁蟻唇Ｆ [0.00]_H8_10月度集計" xfId="66"/>
    <cellStyle name="桁蟻唇Ｆ_H8_10月度集計" xfId="67"/>
    <cellStyle name="桁区切り" xfId="68" builtinId="6"/>
    <cellStyle name="桁区切り 2" xfId="69"/>
    <cellStyle name="桁区切り 3" xfId="70"/>
    <cellStyle name="見出し 1" xfId="71" builtinId="16" customBuiltin="1"/>
    <cellStyle name="見出し 2" xfId="72" builtinId="17" customBuiltin="1"/>
    <cellStyle name="見出し 3" xfId="73" builtinId="18" customBuiltin="1"/>
    <cellStyle name="見出し 4" xfId="74" builtinId="19" customBuiltin="1"/>
    <cellStyle name="見出し1" xfId="75"/>
    <cellStyle name="見出し2" xfId="76"/>
    <cellStyle name="集計" xfId="77" builtinId="25" customBuiltin="1"/>
    <cellStyle name="出力" xfId="78" builtinId="21" customBuiltin="1"/>
    <cellStyle name="説明文" xfId="79" builtinId="53" customBuiltin="1"/>
    <cellStyle name="属性類" xfId="80"/>
    <cellStyle name="脱浦 [0.00]_134組織" xfId="81"/>
    <cellStyle name="脱浦_134組織" xfId="82"/>
    <cellStyle name="入力" xfId="83" builtinId="20" customBuiltin="1"/>
    <cellStyle name="入力セル" xfId="84"/>
    <cellStyle name="標準" xfId="0" builtinId="0"/>
    <cellStyle name="標準 2" xfId="85"/>
    <cellStyle name="標準 3" xfId="86"/>
    <cellStyle name="標準_維持管理費人員" xfId="87"/>
    <cellStyle name="標準_第63号様式" xfId="88"/>
    <cellStyle name="標準_様式集（Excel）黒" xfId="89"/>
    <cellStyle name="標準Ａ" xfId="90"/>
    <cellStyle name="未定義" xfId="91"/>
    <cellStyle name="良い" xfId="9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externalLink" Target="externalLinks/externalLink12.xml"/><Relationship Id="rId39" Type="http://schemas.openxmlformats.org/officeDocument/2006/relationships/externalLink" Target="externalLinks/externalLink25.xml"/><Relationship Id="rId3" Type="http://schemas.openxmlformats.org/officeDocument/2006/relationships/worksheet" Target="worksheets/sheet3.xml"/><Relationship Id="rId21" Type="http://schemas.openxmlformats.org/officeDocument/2006/relationships/externalLink" Target="externalLinks/externalLink7.xml"/><Relationship Id="rId34" Type="http://schemas.openxmlformats.org/officeDocument/2006/relationships/externalLink" Target="externalLinks/externalLink20.xml"/><Relationship Id="rId42" Type="http://schemas.openxmlformats.org/officeDocument/2006/relationships/externalLink" Target="externalLinks/externalLink28.xml"/><Relationship Id="rId47"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externalLink" Target="externalLinks/externalLink11.xml"/><Relationship Id="rId33" Type="http://schemas.openxmlformats.org/officeDocument/2006/relationships/externalLink" Target="externalLinks/externalLink19.xml"/><Relationship Id="rId38" Type="http://schemas.openxmlformats.org/officeDocument/2006/relationships/externalLink" Target="externalLinks/externalLink24.xml"/><Relationship Id="rId46"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externalLink" Target="externalLinks/externalLink6.xml"/><Relationship Id="rId29" Type="http://schemas.openxmlformats.org/officeDocument/2006/relationships/externalLink" Target="externalLinks/externalLink15.xml"/><Relationship Id="rId41" Type="http://schemas.openxmlformats.org/officeDocument/2006/relationships/externalLink" Target="externalLinks/externalLink27.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0.xml"/><Relationship Id="rId32" Type="http://schemas.openxmlformats.org/officeDocument/2006/relationships/externalLink" Target="externalLinks/externalLink18.xml"/><Relationship Id="rId37" Type="http://schemas.openxmlformats.org/officeDocument/2006/relationships/externalLink" Target="externalLinks/externalLink23.xml"/><Relationship Id="rId40" Type="http://schemas.openxmlformats.org/officeDocument/2006/relationships/externalLink" Target="externalLinks/externalLink26.xml"/><Relationship Id="rId45"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externalLink" Target="externalLinks/externalLink9.xml"/><Relationship Id="rId28" Type="http://schemas.openxmlformats.org/officeDocument/2006/relationships/externalLink" Target="externalLinks/externalLink14.xml"/><Relationship Id="rId36" Type="http://schemas.openxmlformats.org/officeDocument/2006/relationships/externalLink" Target="externalLinks/externalLink22.xml"/><Relationship Id="rId10" Type="http://schemas.openxmlformats.org/officeDocument/2006/relationships/worksheet" Target="worksheets/sheet10.xml"/><Relationship Id="rId19" Type="http://schemas.openxmlformats.org/officeDocument/2006/relationships/externalLink" Target="externalLinks/externalLink5.xml"/><Relationship Id="rId31" Type="http://schemas.openxmlformats.org/officeDocument/2006/relationships/externalLink" Target="externalLinks/externalLink17.xml"/><Relationship Id="rId44"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8.xml"/><Relationship Id="rId27" Type="http://schemas.openxmlformats.org/officeDocument/2006/relationships/externalLink" Target="externalLinks/externalLink13.xml"/><Relationship Id="rId30" Type="http://schemas.openxmlformats.org/officeDocument/2006/relationships/externalLink" Target="externalLinks/externalLink16.xml"/><Relationship Id="rId35" Type="http://schemas.openxmlformats.org/officeDocument/2006/relationships/externalLink" Target="externalLinks/externalLink21.xml"/><Relationship Id="rId43" Type="http://schemas.openxmlformats.org/officeDocument/2006/relationships/externalLink" Target="externalLinks/externalLink29.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01fs10003\s0029\My%20Documents\&#35430;&#39443;&#30740;&#31350;&#36027;\136&#26399;&#20104;&#31639;&#32232;&#25104;\&#20104;&#31639;&#22996;&#21729;&#20250;&#25552;&#20986;&#36039;&#26009;\99-09-29&#32076;&#21942;&#20250;&#35696;2&#25552;&#20986;&#36039;&#26009;\990921&#20351;&#29992;&#23455;&#32318;9908&#20998;2.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WNT6\Pc_public2\00_&#23481;&#37327;&#35336;&#31639;\00&#12503;&#12525;&#12464;&#12521;&#12512;&#35336;&#31639;\&#31777;&#26131;&#35336;&#31639;_&#29123;&#28988;&#65286;&#33976;&#27671;4MPa,400&#8451;&#967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30000;&#20013;\&#26360;&#39006;\&#31649;&#29702;&#32113;&#25324;&#37096;&#31649;&#29702;&#23460;&#31532;&#65299;group\(&#65296;&#65300;)&#9733;&#37117;&#24066;&#12372;&#12415;&#31309;&#31639;A(0073&#8658;0071&#20998;&#21106;)\(4)-5-0&#9733;&#12304;New&#12305;&#26032;&#29872;&#22659;&#12501;&#12449;&#12452;&#12523;(0073&#8658;0071&#20998;&#21106;)\(1)&#9733;050401&#65374;&#31309;&#31639;&#26619;&#23450;&#26681;&#25312;\(01)TIF&#8544;&#65380;TIF&#8545;(&#20998;&#21106;&#8658;0073)\&#12373;&#12356;&#12383;&#12414;&#24066;&#35336;&#30011;&#12304;E03H0831&#12305;080423\&#12304;XLS2000&#29256;090824&#12305;&#12373;&#12356;&#12383;&#12414;&#24066;&#27231;&#22120;&#12522;&#12473;&#12488;_E03H0831_090823_rev03EPC-OM&#37197;&#24067;&#29992;.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WNT6\Pc_public2\00_&#23481;&#37327;&#35336;&#31639;\00&#12503;&#12525;&#12464;&#12521;&#12512;&#35336;&#31639;\&#31777;&#26131;&#35336;&#31639;_&#28342;&#34701;.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30000;&#20013;\&#26360;&#39006;\&#9733;&#12510;&#12452;&#12489;&#12461;&#12517;&#12531;&#12513;&#12531;&#12488;\71\a\b\c\(1)&#9733;050401&#65374;&#31309;&#31639;&#26619;&#23450;&#26681;&#25312;&#65288;&#20998;&#21106;090624&#65289;\(01)TIF&#8544;&#65380;TIF&#8545;(&#20998;&#21106;&#8658;0073)\(01)&#38738;&#26862;&#24066;\&#27231;&#22120;&#12522;&#12473;&#12488;\10.07.06&#35336;&#30011;&#36039;&#26009;\&#27231;&#22120;&#12522;&#12473;&#12488;_E01B0479_100625_rev02.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D:\&#30000;&#20013;\&#26360;&#39006;\00_EEP\&#35336;&#30011;&#23460;\&#27231;&#22120;&#12522;&#12473;&#12488;\&#35336;&#30011;&#35373;&#35336;&#27231;&#22120;&#12522;&#12473;&#12488;\&#27231;&#22120;&#12522;&#12473;&#12488;_E09ETIFG_100000_rev01.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Snsep1\&#65420;&#65439;&#65435;&#65404;&#65438;&#65386;&#65400;&#65412;\&#12354;&#65374;&#12363;\&#23777;&#21271;\&#22793;&#26356;&#35211;&#31309;&#20181;&#27096;&#26360;&#23550;&#24540;H1212\&#35336;&#31639;\&#27963;&#24615;&#28845;&#12398;&#12415;\&#9679;TG&#24489;&#27700;-&#38651;&#21147;-&#32173;&#25345;(&#27963;&#24615;&#28845;&#65295;&#25552;&#20986;&#29256;).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Nteshi14\&#31649;&#29702;&#37096;&#38272;\3080_&#31649;&#29702;&#37096;\&#12539;&#20104;&#31639;&#12501;&#12449;&#12452;&#12523;\&#20104;&#31639;&#22996;&#21729;&#20250;\0307&#20104;&#31639;&#22996;&#21729;&#20250;\&#31532;139&#26399;%20&#20104;&#31639;&#32232;&#25104;&#12497;&#12483;&#12465;&#12540;&#12472;_&#12456;&#12531;&#12472;.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Ntsrvs01\LS\&#12354;&#65374;&#12362;\&#23721;&#25163;&#20013;&#37096;&#24195;&#22495;\H20.12&#12450;&#12531;&#12465;&#12540;&#12488;\&#26908;&#35342;&#36039;&#26009;\&#35373;&#35336;&#22522;&#26412;&#25968;&#20516;\3&#28809;(213t)\&#65330;&#65315;&#23721;&#25163;&#20013;&#37096;3&#28809;(&#28961;&#35302;&#23186;H20.12).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Ntsrvs01\LS\Documents%20and%20Settings\kn20036\My%20Documents\&#12501;&#12449;&#12452;&#12523;&#21463;&#12369;&#28193;&#12375;&#29992;&#12501;&#12457;&#12523;&#12480;\&#21454;&#25903;&#35336;&#31639;Ver.2.10_&#23665;&#24418;Rev.2.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WNT6\Pc_public2\kg1\&#20849;&#36890;\&#24341;&#12365;&#24403;&#12390;&#21029;\&#38306;&#35199;&#12539;&#36817;&#30079;\&#28363;&#36032;&#30476;\&#22823;&#27941;&#24066;%20&#35211;No.7781\04unix&#35336;&#31639;&#32080;&#26524;\W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Wnt7\pc_public4\sousetu\ex-gas\0%20&#20849;&#36890;\100%20&#35336;&#30011;&#65381;&#35373;&#35336;&#65423;&#65414;&#65389;&#65393;&#65433;\030%20DI\020%20&#35336;&#31639;&#26360;\010%20&#28040;&#30707;&#28784;\DI(&#28040;&#30707;&#28784;&#65289;.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01fs10003\s0029\&#34276;&#20117;\&#26360;&#39006;\&#35373;&#20633;&#20104;&#31639;\135&#26399;\&#30906;&#23450;&#36039;&#26009;\990127total.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01fs10003\s0029\&#20013;&#26449;\&#26360;&#39006;\&#35373;&#20633;&#20104;&#31639;\135&#26399;\&#30906;&#23450;&#36039;&#26009;\990127total.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172.16.4.22\200s00\Documents%20and%20Settings\nakagawahi\Local%20Settings\Temporary%20Internet%20Files\Content.Outlook\V9C33PH6\&#12304;&#20849;&#36890;&#12305;&#12372;&#12415;&#25644;&#20837;&#37327;.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Ntsrvs01\LS\KA\&#29872;&#22659;&#27700;&#36947;&#20849;&#36890;\&#29872;&#22659;&#12503;&#12521;&#12531;&#12488;&#21942;&#26989;\&#65328;&#65318;&#65321;&#29305;&#38598;\&#22586;\FS&#20206;040806&#26368;&#32066;.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Wnt6\Pc_public2\kg1\&#20849;&#36890;\02.&#24341;&#21512;&#21029;\01&#33258;&#27835;&#20307;\15&#26032;&#28511;\&#26032;&#28511;&#24066;\02%20&#20837;&#26413;&#26360;&#39006;080125\02&#26908;&#35342;\02&#12463;&#12525;&#12540;&#12474;&#12489;&#26908;&#35342;\01%20&#29123;&#28988;&#35336;&#31639;\&#29123;&#28988;&#35336;&#31639;&#65288;&#20027;&#28784;&#21336;&#29420;&#6528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Wnt67\Pc_public2\kg1\&#20849;&#36890;\02.&#24341;&#21512;&#21029;\01&#33258;&#27835;&#20307;\36&#24499;&#23798;\&#38463;&#21335;\2.&#20104;&#31639;&#29992;&#35211;&#31309;&#22259;&#26360;20090331\03%20&#23481;&#37327;&#35336;&#31639;\00%20&#12503;&#12525;&#12464;&#12521;&#12512;&#35336;&#31639;\01.&#29123;&#28988;&#35336;&#31639;\01&#29123;&#28988;&#35336;&#31639;_&#27700;&#22132;&#12288;&#31354;&#27671;&#25407;&#20837;&#65291;&#29123;&#26009;&#21152;&#29105;_&#12460;&#12473;&#20877;AH&#20837;&#21475;&#31354;&#27671;170&#8451;&#65288;&#28201;&#24230;&#21046;&#24481;&#65289;.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ntsrvt01\USERS\TK\&#12375;&#23615;\TJ17\TJ17-603(&#20534;&#30693;&#23433;&#65306;&#26032;&#12456;&#12493;&#37325;&#28857;&#12499;&#12472;&#12519;&#12531;)\03&#25171;&#21512;&#12379;\&#12450;&#12531;&#12465;&#12540;&#12488;\&#23478;&#24237;&#29992;&#12450;&#12531;&#12465;&#12540;&#12488;&#38598;&#35336;&#65288;&#25913;2&#65289;051011&#21463;&#38936;&#21547;&#12416;.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172.16.4.22\200s00\&#28988;&#21364;\LJ20\LJ20-664&#65288;&#23567;&#23665;&#24195;&#22495;&#12288;&#21271;&#37096;&#28165;&#25475;&#12475;&#12531;&#12479;&#12540;&#32173;&#25345;&#31649;&#29702;&#65289;\&#20445;&#20840;&#29366;&#27841;&#35519;&#26619;\&#20445;&#20840;&#29366;&#27841;&#35519;&#26619;&#34920;.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01fs10003\s0029\&#25104;&#26524;&#29289;\&#20104;&#31639;&#22996;&#21729;&#20250;&#36039;&#26009;\0304%20&#20104;&#31639;&#22996;\&#20840;&#31038;\&#26032;&#12456;&#12493;\My%20Documents\&#35430;&#39443;&#30740;&#31350;&#36027;\136&#26399;&#20104;&#31639;&#32232;&#25104;\&#20104;&#31639;&#22996;&#21729;&#20250;&#25552;&#20986;&#36039;&#26009;\99-09-29&#32076;&#21942;&#20250;&#35696;2&#25552;&#20986;&#36039;&#26009;\990921&#20351;&#29992;&#23455;&#32318;9908&#20998;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NTESHI14\&#31649;&#29702;&#37096;&#38272;\&#25104;&#26524;&#29289;\&#20104;&#31639;&#22996;&#21729;&#20250;&#36039;&#26009;\0304%20&#20104;&#31639;&#22996;\&#9734;&#12497;&#12483;&#12465;&#12540;&#12472;\&#35373;&#20633;&#20104;&#31639;\135&#26399;\&#30906;&#23450;&#36039;&#26009;\990127total.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Wnt7\pc_public4\sousetu\ex-gas\0%20&#20849;&#36890;\100%20&#35336;&#30011;&#65381;&#35373;&#35336;&#65423;&#65414;&#65389;&#65393;&#65433;\050%20&#28988;&#21364;BH\020%20&#35336;&#31639;&#26360;\02%20&#12473;&#12488;&#12540;&#12459;BH.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Wnt6\Pc_public2\kg1\&#20849;&#36890;\&#24341;&#12365;&#24403;&#12390;&#21029;\&#20013;&#37096;&#12539;&#21271;&#38520;&#12539;&#26481;&#28023;\&#24859;&#30693;&#30476;\&#21000;&#35895;&#30693;&#31435;&#29872;&#22659;&#32068;&#21512;040303\04.&#19968;&#24335;&#25552;&#20986;&#65288;&#20108;&#22238;&#30446;&#65289;040701\00.&#23481;&#37327;&#35336;&#31639;\08&#28784;&#28342;&#34701;&#35373;&#20633;&#9679;\01.&#28151;&#21512;&#28784;&#35336;&#31639;new&#65288;011115&#20869;&#20462;&#27491;&#65289;&#967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01fs10003\s0029\&#25104;&#26524;&#29289;\&#20104;&#31639;&#22996;&#21729;&#20250;&#36039;&#26009;\020326%208th&#20104;&#31639;&#22996;\progra~1\eudora\&#26611;&#30000;&#21843;&#20043;\attach\%60(d137"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65288;&#22825;&#23665;&#22320;&#21306;&#65289;&#35211;&#31309;&#31561;&#35519;&#26619;_&#27096;&#24335;&#38598;.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nt7\pc_public4\sousetu\ex-gas\0%20&#20849;&#36890;\100%20&#35336;&#30011;&#65381;&#35373;&#35336;&#65423;&#65414;&#65389;&#65393;&#65433;\030%20DI\020%20&#35336;&#31639;&#26360;\020%20&#37325;&#26361;\&#37325;&#26361;DI.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01fs10003\s0029\&#26223;&#23665;\Shorui\&#35373;&#20633;&#20104;&#31639;\135&#26399;\&#30906;&#23450;&#36039;&#26009;\990127total.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NTESHI14\&#31649;&#29702;&#37096;&#38272;\shorui\&#36899;ER.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Ｒ＆Ｄマスタメインデータ"/>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取扱説明書"/>
      <sheetName val="物質収支"/>
      <sheetName val="燃焼入力"/>
      <sheetName val="燃焼計算"/>
      <sheetName val="蒸気計算"/>
      <sheetName val="便利！"/>
      <sheetName val="基本定数等"/>
      <sheetName val="gas_T_to_H"/>
      <sheetName val="gas_H_toT"/>
      <sheetName val="SAT"/>
      <sheetName val="steam_S1"/>
      <sheetName val="steam_S2"/>
      <sheetName val="MBR_空気比"/>
    </sheetNames>
    <sheetDataSet>
      <sheetData sheetId="0" refreshError="1"/>
      <sheetData sheetId="1" refreshError="1"/>
      <sheetData sheetId="2" refreshError="1"/>
      <sheetData sheetId="3" refreshError="1"/>
      <sheetData sheetId="4" refreshError="1"/>
      <sheetData sheetId="5" refreshError="1"/>
      <sheetData sheetId="6" refreshError="1">
        <row r="2">
          <cell r="C2">
            <v>22.413830000000001</v>
          </cell>
        </row>
        <row r="4">
          <cell r="C4">
            <v>35.453000000000003</v>
          </cell>
        </row>
        <row r="5">
          <cell r="C5">
            <v>32.066000000000003</v>
          </cell>
        </row>
        <row r="6">
          <cell r="C6">
            <v>12.010999999999999</v>
          </cell>
        </row>
        <row r="7">
          <cell r="C7">
            <v>14.007</v>
          </cell>
        </row>
        <row r="8">
          <cell r="C8">
            <v>15.9994</v>
          </cell>
        </row>
        <row r="9">
          <cell r="C9">
            <v>1.0079</v>
          </cell>
        </row>
        <row r="10">
          <cell r="C10">
            <v>40.078000000000003</v>
          </cell>
        </row>
        <row r="11">
          <cell r="C11">
            <v>22.98977</v>
          </cell>
        </row>
        <row r="12">
          <cell r="E12">
            <v>8100</v>
          </cell>
        </row>
        <row r="18">
          <cell r="C18">
            <v>273.14999999999998</v>
          </cell>
        </row>
        <row r="19">
          <cell r="C19">
            <v>6.2170876999999996</v>
          </cell>
        </row>
        <row r="20">
          <cell r="C20">
            <v>597.5</v>
          </cell>
        </row>
        <row r="21">
          <cell r="C21">
            <v>20.2498</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PAGE"/>
      <sheetName val="物件概要"/>
      <sheetName val="ml管理"/>
      <sheetName val="rev01"/>
      <sheetName val="rev02"/>
      <sheetName val="rev03"/>
      <sheetName val="SpecEditor"/>
      <sheetName val="修正履歴反映"/>
      <sheetName val="変更履歴"/>
      <sheetName val="ITEM区分リスト"/>
      <sheetName val="OM機器リスト"/>
      <sheetName val="EPC機器リスト"/>
      <sheetName val="EPC積算履歴DB"/>
      <sheetName val="EPC積算費目リスト"/>
      <sheetName val="ローディングリスト"/>
      <sheetName val="消費電力リスト"/>
      <sheetName val="修正履歴DB"/>
      <sheetName val="mlDistinct"/>
    </sheetNames>
    <sheetDataSet>
      <sheetData sheetId="0" refreshError="1"/>
      <sheetData sheetId="1" refreshError="1"/>
      <sheetData sheetId="2" refreshError="1">
        <row r="10">
          <cell r="B10">
            <v>55</v>
          </cell>
        </row>
      </sheetData>
      <sheetData sheetId="3" refreshError="1"/>
      <sheetData sheetId="4" refreshError="1"/>
      <sheetData sheetId="5"/>
      <sheetData sheetId="6"/>
      <sheetData sheetId="7"/>
      <sheetData sheetId="8" refreshError="1"/>
      <sheetData sheetId="9"/>
      <sheetData sheetId="10"/>
      <sheetData sheetId="11"/>
      <sheetData sheetId="12" refreshError="1">
        <row r="3">
          <cell r="M3">
            <v>11</v>
          </cell>
          <cell r="Q3">
            <v>21</v>
          </cell>
          <cell r="U3">
            <v>22</v>
          </cell>
          <cell r="Y3">
            <v>31</v>
          </cell>
          <cell r="AC3">
            <v>32</v>
          </cell>
          <cell r="AG3">
            <v>51</v>
          </cell>
          <cell r="AK3">
            <v>52</v>
          </cell>
          <cell r="AO3">
            <v>41</v>
          </cell>
        </row>
      </sheetData>
      <sheetData sheetId="13" refreshError="1"/>
      <sheetData sheetId="14" refreshError="1"/>
      <sheetData sheetId="15" refreshError="1"/>
      <sheetData sheetId="16"/>
      <sheetData sheetId="17"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面溶融入力"/>
      <sheetName val="表面溶融計算"/>
      <sheetName val="物質収支（3炉）"/>
      <sheetName val="物質収支（2炉）"/>
      <sheetName val="物質収支（1炉）"/>
      <sheetName val="プラズマ入力(3炉)"/>
      <sheetName val="プラズマ入力(2炉)"/>
      <sheetName val="プラズマ入力(1炉)"/>
      <sheetName val="プラズマ計算(3炉)"/>
      <sheetName val="プラズマ計算(2炉)"/>
      <sheetName val="プラズマ計算(1炉)"/>
      <sheetName val="便利！"/>
      <sheetName val="基本定数等"/>
      <sheetName val="gas_T_to_H"/>
      <sheetName val="gas_H_to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22">
          <cell r="C22">
            <v>20.095600000000001</v>
          </cell>
        </row>
      </sheetData>
      <sheetData sheetId="13" refreshError="1"/>
      <sheetData sheetId="1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PAGE"/>
      <sheetName val="物件概要"/>
      <sheetName val="ml管理"/>
      <sheetName val="rev01"/>
      <sheetName val="rev02"/>
      <sheetName val="SpecEditor"/>
      <sheetName val="修正履歴反映"/>
      <sheetName val="変更履歴"/>
      <sheetName val="機器リスト"/>
      <sheetName val="詳細機器リスト"/>
      <sheetName val="OM機器リスト"/>
      <sheetName val="EPC機器リスト"/>
      <sheetName val="EPC積算履歴DB"/>
      <sheetName val="EPC積算費目リスト"/>
      <sheetName val="ITEM区分リスト"/>
      <sheetName val="保温リスト"/>
      <sheetName val="重量リスト"/>
      <sheetName val="ローディングリスト"/>
      <sheetName val="消費電力リスト"/>
      <sheetName val="電力リスト"/>
      <sheetName val="電気盤リスト"/>
      <sheetName val="修正履歴DB"/>
      <sheetName val="DataBaseMaps"/>
      <sheetName val="モータ効率力率"/>
      <sheetName val="mlDistinct"/>
      <sheetName val="BasicEqList"/>
    </sheetNames>
    <sheetDataSet>
      <sheetData sheetId="0" refreshError="1"/>
      <sheetData sheetId="1" refreshError="1"/>
      <sheetData sheetId="2" refreshError="1">
        <row r="6">
          <cell r="O6">
            <v>2</v>
          </cell>
        </row>
        <row r="29">
          <cell r="P29">
            <v>0</v>
          </cell>
        </row>
      </sheetData>
      <sheetData sheetId="3" refreshError="1">
        <row r="3">
          <cell r="K3" t="str">
            <v>epc積算</v>
          </cell>
          <cell r="M3" t="str">
            <v>parent</v>
          </cell>
          <cell r="AA3" t="str">
            <v>機器名称</v>
          </cell>
          <cell r="AN3" t="str">
            <v>常用</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PAGE"/>
      <sheetName val="物件概要"/>
      <sheetName val="ml管理"/>
      <sheetName val="rev01"/>
      <sheetName val="SpecEditor"/>
      <sheetName val="修正履歴反映"/>
      <sheetName val="変更履歴"/>
      <sheetName val="機器リスト"/>
      <sheetName val="詳細機器リスト"/>
      <sheetName val="ITEM区分リスト"/>
      <sheetName val="OM機器リスト"/>
      <sheetName val="EPC機器リスト"/>
      <sheetName val="EPC積算履歴DB"/>
      <sheetName val="EPC積算費目リスト"/>
      <sheetName val="保温リスト"/>
      <sheetName val="重量リスト"/>
      <sheetName val="ローディングリスト"/>
      <sheetName val="消費電力リスト"/>
      <sheetName val="電力リスト"/>
      <sheetName val="電気盤リスト"/>
      <sheetName val="修正履歴DB"/>
      <sheetName val="DataBaseMaps"/>
      <sheetName val="モータ効率力率"/>
      <sheetName val="mlDistinct"/>
      <sheetName val="BasicEqLis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row r="5">
          <cell r="B5">
            <v>1329</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ﾏﾃﾊﾞﾗIP表"/>
      <sheetName val="Input表"/>
      <sheetName val="TG計算"/>
      <sheetName val="ＳＢ計算"/>
      <sheetName val="ＴＧ性能曲線"/>
      <sheetName val="★ＴＧ性能曲線"/>
      <sheetName val="ＳBlanceｼｰﾄ"/>
      <sheetName val="蒸気復水収支図"/>
      <sheetName val="●電力消費"/>
      <sheetName val="★電力収支"/>
      <sheetName val="★用役収支"/>
      <sheetName val="●年間運転経費"/>
      <sheetName val="Sheet1"/>
      <sheetName val="用役費（提出用)"/>
      <sheetName val="Sheet2"/>
      <sheetName val="●補修費"/>
      <sheetName val="受検費用"/>
      <sheetName val="補修費（提出用) "/>
      <sheetName val="Sheet4"/>
      <sheetName val="★ごみ量-維持費"/>
      <sheetName val="蒸気関数M2"/>
    </sheetNames>
    <sheetDataSet>
      <sheetData sheetId="0" refreshError="1"/>
      <sheetData sheetId="1" refreshError="1">
        <row r="15">
          <cell r="P15" t="str">
            <v>定格出力</v>
          </cell>
          <cell r="Q15" t="str">
            <v>内部効率</v>
          </cell>
          <cell r="R15" t="str">
            <v>発電機効率</v>
          </cell>
          <cell r="S15" t="str">
            <v>機械損失</v>
          </cell>
          <cell r="T15" t="str">
            <v>β</v>
          </cell>
        </row>
        <row r="16">
          <cell r="P16" t="str">
            <v>ｋＷ</v>
          </cell>
          <cell r="Q16" t="str">
            <v>％</v>
          </cell>
          <cell r="R16" t="str">
            <v>％</v>
          </cell>
          <cell r="S16" t="str">
            <v>％</v>
          </cell>
          <cell r="T16" t="str">
            <v>％</v>
          </cell>
          <cell r="V16">
            <v>1</v>
          </cell>
          <cell r="W16">
            <v>2</v>
          </cell>
          <cell r="X16">
            <v>3</v>
          </cell>
        </row>
        <row r="17">
          <cell r="P17">
            <v>1000</v>
          </cell>
          <cell r="Q17">
            <v>70.7</v>
          </cell>
          <cell r="R17">
            <v>95.8</v>
          </cell>
          <cell r="S17">
            <v>4.0999999999999996</v>
          </cell>
          <cell r="T17">
            <v>13</v>
          </cell>
          <cell r="V17">
            <v>70.7</v>
          </cell>
          <cell r="W17">
            <v>76</v>
          </cell>
          <cell r="X17">
            <v>78</v>
          </cell>
        </row>
        <row r="18">
          <cell r="P18">
            <v>1900</v>
          </cell>
          <cell r="Q18">
            <v>74.599999999999994</v>
          </cell>
          <cell r="R18">
            <v>96.2</v>
          </cell>
          <cell r="S18">
            <v>3.8</v>
          </cell>
          <cell r="T18">
            <v>13</v>
          </cell>
          <cell r="V18">
            <v>74.599999999999994</v>
          </cell>
          <cell r="W18">
            <v>78</v>
          </cell>
          <cell r="X18">
            <v>80</v>
          </cell>
        </row>
        <row r="19">
          <cell r="P19">
            <v>3000</v>
          </cell>
          <cell r="Q19">
            <v>76.5</v>
          </cell>
          <cell r="R19">
            <v>96.6</v>
          </cell>
          <cell r="S19">
            <v>3.4</v>
          </cell>
          <cell r="T19">
            <v>13</v>
          </cell>
          <cell r="V19">
            <v>76.5</v>
          </cell>
          <cell r="W19">
            <v>80</v>
          </cell>
          <cell r="X19">
            <v>82</v>
          </cell>
        </row>
        <row r="20">
          <cell r="P20">
            <v>4000</v>
          </cell>
          <cell r="Q20">
            <v>77.3</v>
          </cell>
          <cell r="R20">
            <v>96.8</v>
          </cell>
          <cell r="S20">
            <v>3.1</v>
          </cell>
          <cell r="T20">
            <v>13</v>
          </cell>
          <cell r="V20">
            <v>77.3</v>
          </cell>
          <cell r="W20">
            <v>82</v>
          </cell>
          <cell r="X20">
            <v>84</v>
          </cell>
        </row>
        <row r="21">
          <cell r="P21">
            <v>6000</v>
          </cell>
          <cell r="Q21">
            <v>77.900000000000006</v>
          </cell>
          <cell r="R21">
            <v>96.9</v>
          </cell>
          <cell r="S21">
            <v>2.6</v>
          </cell>
          <cell r="T21">
            <v>13</v>
          </cell>
          <cell r="V21">
            <v>77.900000000000006</v>
          </cell>
          <cell r="W21">
            <v>84</v>
          </cell>
          <cell r="X21">
            <v>84</v>
          </cell>
        </row>
        <row r="22">
          <cell r="P22">
            <v>7000</v>
          </cell>
          <cell r="Q22">
            <v>78.099999999999994</v>
          </cell>
          <cell r="R22">
            <v>96.9</v>
          </cell>
          <cell r="S22">
            <v>2.4</v>
          </cell>
          <cell r="T22">
            <v>13</v>
          </cell>
          <cell r="V22">
            <v>78.099999999999994</v>
          </cell>
        </row>
        <row r="23">
          <cell r="P23">
            <v>9000</v>
          </cell>
          <cell r="Q23">
            <v>79.099999999999994</v>
          </cell>
          <cell r="R23">
            <v>97</v>
          </cell>
          <cell r="S23">
            <v>2.2999999999999998</v>
          </cell>
          <cell r="T23">
            <v>13</v>
          </cell>
          <cell r="V23">
            <v>79.099999999999994</v>
          </cell>
        </row>
        <row r="24">
          <cell r="P24">
            <v>11000</v>
          </cell>
          <cell r="Q24">
            <v>80.099999999999994</v>
          </cell>
          <cell r="R24">
            <v>97</v>
          </cell>
          <cell r="S24">
            <v>2.2000000000000002</v>
          </cell>
          <cell r="T24">
            <v>13</v>
          </cell>
          <cell r="V24">
            <v>80.099999999999994</v>
          </cell>
        </row>
        <row r="31">
          <cell r="P31" t="str">
            <v>助燃剤低位発熱量</v>
          </cell>
          <cell r="R31">
            <v>8.32</v>
          </cell>
          <cell r="S31" t="str">
            <v>Mcal/㍑</v>
          </cell>
        </row>
        <row r="33">
          <cell r="P33" t="str">
            <v>白煙防止熱風熱量</v>
          </cell>
          <cell r="R33" t="str">
            <v>Mcal/h炉</v>
          </cell>
          <cell r="S33" t="str">
            <v>１炉</v>
          </cell>
          <cell r="T33">
            <v>292.52175480942668</v>
          </cell>
        </row>
        <row r="34">
          <cell r="S34" t="str">
            <v>２炉</v>
          </cell>
          <cell r="T34">
            <v>252.45020296417366</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構成"/>
      <sheetName val="(参考)経営方針"/>
      <sheetName val="経営環境及び損益"/>
      <sheetName val="業績目標"/>
      <sheetName val="CF改善計画"/>
      <sheetName val="受注計画"/>
      <sheetName val="売上計画"/>
      <sheetName val="限界利益計画"/>
      <sheetName val="営業利益計画"/>
      <sheetName val="固定費"/>
      <sheetName val="人的委託"/>
      <sheetName val="連結損益"/>
      <sheetName val="(参考)為替レ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16">
          <cell r="C16">
            <v>3.4</v>
          </cell>
        </row>
        <row r="21">
          <cell r="C21">
            <v>14</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用役費"/>
      <sheetName val="社内用"/>
      <sheetName val="電力収支 (日技用)"/>
      <sheetName val="Input"/>
      <sheetName val="維持管理補修費IP"/>
      <sheetName val="維持管理補修費詳細"/>
      <sheetName val="維持管理補修費OP"/>
      <sheetName val="分析費用"/>
      <sheetName val="大改修(川越)"/>
      <sheetName val="洗煙排水薬品"/>
      <sheetName val="○様式－５"/>
      <sheetName val="○補修費3分割改 (人件費追加)"/>
      <sheetName val="○補修費3分割改"/>
      <sheetName val="補修費3分割 (2)"/>
      <sheetName val="電力収支"/>
      <sheetName val="●電力収支"/>
      <sheetName val="電力収支 (4)"/>
      <sheetName val="電力収支 (5)"/>
      <sheetName val="★用役収支"/>
      <sheetName val="用役収支 (2)"/>
      <sheetName val="用役収支 (3)"/>
      <sheetName val="維持管理費"/>
      <sheetName val="維持管理費 2"/>
      <sheetName val="補修費3分割"/>
      <sheetName val="補修費4分割"/>
      <sheetName val="法定手数料"/>
      <sheetName val="変更履歴"/>
    </sheetNames>
    <sheetDataSet>
      <sheetData sheetId="0"/>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er"/>
      <sheetName val="燃焼計算結果"/>
      <sheetName val="基本情報"/>
      <sheetName val="▲物質収支図"/>
      <sheetName val="入力シート"/>
      <sheetName val="DataBase"/>
      <sheetName val="運転"/>
      <sheetName val="白防計算"/>
      <sheetName val="物質収支"/>
      <sheetName val="湿式収支"/>
      <sheetName val="▲蒸気収支図(夏)"/>
      <sheetName val="蒸気収支図 (夏提出用) "/>
      <sheetName val="▲蒸気収支図 (冬)"/>
      <sheetName val="蒸気収支図 (冬提出用)"/>
      <sheetName val="▲蒸気収支図（全量ﾊﾞｲﾊﾟｽ）"/>
      <sheetName val="蒸気・熱収支"/>
      <sheetName val="DataBaseSchema"/>
      <sheetName val="蒸気機器"/>
      <sheetName val="蒸気条件"/>
      <sheetName val="触媒脱硝"/>
      <sheetName val="冷却塔"/>
      <sheetName val="薬品収支"/>
      <sheetName val="連続稼動主要機器"/>
      <sheetName val="▲用役表低質 (客先提出用)"/>
      <sheetName val="▲用役表基準質 (客先提出用)"/>
      <sheetName val="▲用役表高質 (客先提出用)"/>
      <sheetName val="▲用役表"/>
      <sheetName val="用役収支"/>
      <sheetName val="用水収支"/>
      <sheetName val="▲用水収支図"/>
      <sheetName val="用水収支図 (提出用)"/>
      <sheetName val="電力収支"/>
      <sheetName val="年間稼動計画"/>
      <sheetName val="年間用役収支"/>
      <sheetName val="ランニングコスト"/>
      <sheetName val="ＷＫＶ"/>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efreshError="1">
        <row r="234">
          <cell r="AA234">
            <v>400</v>
          </cell>
        </row>
        <row r="235">
          <cell r="AA235">
            <v>40</v>
          </cell>
        </row>
        <row r="236">
          <cell r="AA236">
            <v>148</v>
          </cell>
        </row>
      </sheetData>
      <sheetData sheetId="28"/>
      <sheetData sheetId="29"/>
      <sheetData sheetId="30"/>
      <sheetData sheetId="31"/>
      <sheetData sheetId="32"/>
      <sheetData sheetId="33"/>
      <sheetData sheetId="34"/>
      <sheetData sheetId="3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寸法"/>
      <sheetName val="元データ"/>
      <sheetName val="外形図"/>
      <sheetName val="負荷リスト"/>
      <sheetName val="重量"/>
    </sheetNames>
    <sheetDataSet>
      <sheetData sheetId="0" refreshError="1">
        <row r="176">
          <cell r="D176" t="str">
            <v>冷却液循環ポンプ</v>
          </cell>
          <cell r="H176" t="str">
            <v>吸収液循環ポンプ</v>
          </cell>
        </row>
        <row r="179">
          <cell r="K179">
            <v>2</v>
          </cell>
          <cell r="N179">
            <v>2</v>
          </cell>
        </row>
        <row r="188">
          <cell r="N188">
            <v>55</v>
          </cell>
        </row>
        <row r="354">
          <cell r="K354">
            <v>2</v>
          </cell>
          <cell r="N354">
            <v>2</v>
          </cell>
        </row>
        <row r="362">
          <cell r="N362">
            <v>22</v>
          </cell>
        </row>
      </sheetData>
      <sheetData sheetId="1"/>
      <sheetData sheetId="2" refreshError="1">
        <row r="48">
          <cell r="E48" t="str">
            <v>Case1-1</v>
          </cell>
        </row>
      </sheetData>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寸法計画と薬剤使用量"/>
      <sheetName val="外形図1"/>
      <sheetName val="外形図2"/>
      <sheetName val="外形図3"/>
      <sheetName val="外形図4"/>
      <sheetName val="外形図5"/>
      <sheetName val="設備電力"/>
      <sheetName val="負荷リスト"/>
      <sheetName val="重量計算"/>
      <sheetName val="詳細設計（未）"/>
      <sheetName val="寸法計画"/>
      <sheetName val="Sheet2"/>
      <sheetName val="Sheet3"/>
    </sheetNames>
    <sheetDataSet>
      <sheetData sheetId="0" refreshError="1">
        <row r="120">
          <cell r="B120" t="str">
            <v>サイロ</v>
          </cell>
        </row>
        <row r="121">
          <cell r="C121" t="str">
            <v>消石灰</v>
          </cell>
        </row>
        <row r="140">
          <cell r="C140" t="str">
            <v>反応助剤</v>
          </cell>
        </row>
      </sheetData>
      <sheetData sheetId="1" refreshError="1">
        <row r="49">
          <cell r="F49" t="str">
            <v>城南</v>
          </cell>
        </row>
      </sheetData>
      <sheetData sheetId="2"/>
      <sheetData sheetId="3"/>
      <sheetData sheetId="4"/>
      <sheetData sheetId="5"/>
      <sheetData sheetId="6" refreshError="1">
        <row r="2">
          <cell r="F2" t="str">
            <v>特殊排出装置</v>
          </cell>
        </row>
        <row r="4">
          <cell r="J4">
            <v>1</v>
          </cell>
        </row>
        <row r="6">
          <cell r="C6" t="str">
            <v>貯留槽用空気圧縮機</v>
          </cell>
        </row>
        <row r="7">
          <cell r="J7">
            <v>1</v>
          </cell>
        </row>
        <row r="19">
          <cell r="C19" t="str">
            <v>ドレントラップ</v>
          </cell>
        </row>
        <row r="21">
          <cell r="J21">
            <v>1</v>
          </cell>
        </row>
        <row r="22">
          <cell r="J22">
            <v>2.4E-2</v>
          </cell>
        </row>
        <row r="23">
          <cell r="C23" t="str">
            <v>除湿機</v>
          </cell>
        </row>
        <row r="25">
          <cell r="J25">
            <v>1</v>
          </cell>
        </row>
        <row r="26">
          <cell r="J26">
            <v>0.24</v>
          </cell>
        </row>
        <row r="28">
          <cell r="C28" t="str">
            <v>消石灰スラリー</v>
          </cell>
          <cell r="F28" t="str">
            <v>定量供給機</v>
          </cell>
        </row>
        <row r="32">
          <cell r="J32">
            <v>0</v>
          </cell>
        </row>
        <row r="35">
          <cell r="J35">
            <v>0</v>
          </cell>
        </row>
        <row r="39">
          <cell r="F39">
            <v>1</v>
          </cell>
          <cell r="J39">
            <v>0.75</v>
          </cell>
        </row>
        <row r="40">
          <cell r="F40">
            <v>3</v>
          </cell>
          <cell r="J40">
            <v>0.75</v>
          </cell>
        </row>
        <row r="43">
          <cell r="J43">
            <v>0</v>
          </cell>
        </row>
        <row r="44">
          <cell r="J44" t="str">
            <v>0</v>
          </cell>
        </row>
        <row r="48">
          <cell r="F48">
            <v>1</v>
          </cell>
          <cell r="J48">
            <v>0.75</v>
          </cell>
        </row>
        <row r="49">
          <cell r="F49">
            <v>5</v>
          </cell>
          <cell r="J49">
            <v>0.4</v>
          </cell>
        </row>
        <row r="53">
          <cell r="F53">
            <v>0</v>
          </cell>
        </row>
        <row r="57">
          <cell r="J57">
            <v>0</v>
          </cell>
        </row>
        <row r="61">
          <cell r="F61">
            <v>1</v>
          </cell>
          <cell r="J61">
            <v>0.75</v>
          </cell>
        </row>
        <row r="62">
          <cell r="F62">
            <v>3</v>
          </cell>
          <cell r="J62">
            <v>0.4</v>
          </cell>
        </row>
        <row r="63">
          <cell r="C63" t="str">
            <v>輸送ブロワ</v>
          </cell>
        </row>
        <row r="64">
          <cell r="J64">
            <v>2</v>
          </cell>
        </row>
        <row r="65">
          <cell r="J65">
            <v>1</v>
          </cell>
        </row>
        <row r="69">
          <cell r="J69">
            <v>30</v>
          </cell>
        </row>
        <row r="71">
          <cell r="C71" t="str">
            <v>吸込ファン</v>
          </cell>
        </row>
        <row r="72">
          <cell r="J72">
            <v>0</v>
          </cell>
        </row>
        <row r="73">
          <cell r="J73">
            <v>0</v>
          </cell>
        </row>
        <row r="74">
          <cell r="C74" t="str">
            <v xml:space="preserve"> シェーカー</v>
          </cell>
        </row>
        <row r="75">
          <cell r="J75">
            <v>0</v>
          </cell>
        </row>
        <row r="76">
          <cell r="J76" t="str">
            <v>0</v>
          </cell>
        </row>
        <row r="77">
          <cell r="C77" t="str">
            <v>フレコンパック搬入用ホイスト</v>
          </cell>
        </row>
        <row r="78">
          <cell r="J78">
            <v>0</v>
          </cell>
        </row>
        <row r="82">
          <cell r="J82">
            <v>0.4</v>
          </cell>
        </row>
        <row r="93">
          <cell r="C93" t="str">
            <v>溶解槽用</v>
          </cell>
        </row>
        <row r="94">
          <cell r="J94">
            <v>0</v>
          </cell>
        </row>
        <row r="95">
          <cell r="J95" t="str">
            <v>0</v>
          </cell>
        </row>
        <row r="96">
          <cell r="C96" t="str">
            <v>換気ファン</v>
          </cell>
        </row>
        <row r="98">
          <cell r="J98" t="str">
            <v>0</v>
          </cell>
        </row>
        <row r="99">
          <cell r="C99" t="str">
            <v>溶解槽落ち口ヒータ</v>
          </cell>
        </row>
        <row r="100">
          <cell r="J100">
            <v>0</v>
          </cell>
        </row>
        <row r="101">
          <cell r="J101" t="str">
            <v>0</v>
          </cell>
        </row>
      </sheetData>
      <sheetData sheetId="7"/>
      <sheetData sheetId="8"/>
      <sheetData sheetId="9"/>
      <sheetData sheetId="10"/>
      <sheetData sheetId="11"/>
      <sheetData sheetId="12"/>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研究設備BG"/>
      <sheetName val="990127申請 database"/>
      <sheetName val="99修正項目(関)"/>
      <sheetName val="研究・情報除くDB"/>
      <sheetName val="研究設備DB"/>
      <sheetName val="総務車輌リース"/>
      <sheetName val="情報リース"/>
      <sheetName val="集計"/>
      <sheetName val="直轄"/>
      <sheetName val="新・省ｴ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研究設備BG"/>
      <sheetName val="990127申請 database"/>
      <sheetName val="99修正項目(関)"/>
      <sheetName val="研究・情報除くDB"/>
      <sheetName val="研究設備DB"/>
      <sheetName val="総務車輌リース"/>
      <sheetName val="情報リース"/>
      <sheetName val="集計"/>
      <sheetName val="直轄"/>
      <sheetName val="新・省ｴ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実績（家庭系ごみ）"/>
      <sheetName val="搬入実績（事業系ごみ）"/>
      <sheetName val="月変動係数"/>
      <sheetName val="曜日変動係数"/>
      <sheetName val="搬入量予測（市算出）"/>
    </sheetNames>
    <sheetDataSet>
      <sheetData sheetId="0"/>
      <sheetData sheetId="1"/>
      <sheetData sheetId="2"/>
      <sheetData sheetId="3"/>
      <sheetData sheetId="4" refreshError="1">
        <row r="3">
          <cell r="A3">
            <v>24</v>
          </cell>
          <cell r="B3">
            <v>282440</v>
          </cell>
          <cell r="C3">
            <v>136628</v>
          </cell>
          <cell r="D3">
            <v>8714</v>
          </cell>
          <cell r="E3">
            <v>800</v>
          </cell>
          <cell r="F3">
            <v>428582</v>
          </cell>
        </row>
        <row r="4">
          <cell r="A4">
            <v>25</v>
          </cell>
          <cell r="B4">
            <v>235468</v>
          </cell>
          <cell r="C4">
            <v>123093</v>
          </cell>
          <cell r="D4">
            <v>8886</v>
          </cell>
          <cell r="E4">
            <v>800</v>
          </cell>
          <cell r="F4">
            <v>368247</v>
          </cell>
        </row>
        <row r="5">
          <cell r="A5">
            <v>27</v>
          </cell>
          <cell r="B5">
            <v>236614</v>
          </cell>
          <cell r="C5">
            <v>121267.52</v>
          </cell>
          <cell r="D5">
            <v>9012.3460000000014</v>
          </cell>
          <cell r="E5">
            <v>800</v>
          </cell>
          <cell r="F5">
            <v>367693.86600000004</v>
          </cell>
        </row>
      </sheetData>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前提条件"/>
      <sheetName val="PL･BS"/>
      <sheetName val="補助金起債算定"/>
      <sheetName val="割賦"/>
      <sheetName val="修繕費計算"/>
      <sheetName val="税計算"/>
      <sheetName val="税計算 (経常ベース)"/>
    </sheetNames>
    <sheetDataSet>
      <sheetData sheetId="0" refreshError="1">
        <row r="66">
          <cell r="S66">
            <v>3.1E-2</v>
          </cell>
        </row>
        <row r="70">
          <cell r="S70">
            <v>3.1E-2</v>
          </cell>
        </row>
        <row r="74">
          <cell r="S74">
            <v>0.05</v>
          </cell>
        </row>
      </sheetData>
      <sheetData sheetId="1" refreshError="1"/>
      <sheetData sheetId="2" refreshError="1"/>
      <sheetData sheetId="3" refreshError="1"/>
      <sheetData sheetId="4" refreshError="1">
        <row r="4">
          <cell r="C4">
            <v>383.4</v>
          </cell>
        </row>
      </sheetData>
      <sheetData sheetId="5" refreshError="1"/>
      <sheetData sheetId="6"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収支"/>
      <sheetName val="使い方"/>
      <sheetName val="フロー"/>
      <sheetName val="入力"/>
      <sheetName val="定格_焼却2_溶融1"/>
      <sheetName val="高質_焼却2_溶融1"/>
      <sheetName val="基準_焼却2_溶融1"/>
      <sheetName val="低質_焼却3_溶融1"/>
      <sheetName val="高質_焼却3_溶融2"/>
      <sheetName val="基準_焼却3_溶融1"/>
      <sheetName val="高質_焼却のみ"/>
      <sheetName val="基準_焼却のみ"/>
    </sheetNames>
    <sheetDataSet>
      <sheetData sheetId="0" refreshError="1"/>
      <sheetData sheetId="1" refreshError="1"/>
      <sheetData sheetId="2" refreshError="1"/>
      <sheetData sheetId="3"/>
      <sheetData sheetId="4"/>
      <sheetData sheetId="5"/>
      <sheetData sheetId="6"/>
      <sheetData sheetId="7" refreshError="1"/>
      <sheetData sheetId="8"/>
      <sheetData sheetId="9"/>
      <sheetData sheetId="10"/>
      <sheetData sheetId="1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F出口ガス200℃エンタルピー"/>
      <sheetName val="BF放熱"/>
      <sheetName val="焼却物質収支図"/>
      <sheetName val="使い方"/>
      <sheetName val="フロー"/>
      <sheetName val="入力"/>
      <sheetName val="定格"/>
      <sheetName val="高_溶有"/>
      <sheetName val="基_溶有"/>
      <sheetName val="低_溶有"/>
      <sheetName val="高_溶無"/>
      <sheetName val="基_溶無"/>
      <sheetName val="低_溶無"/>
      <sheetName val="定格_溶無"/>
      <sheetName val="低質(助燃無し)"/>
      <sheetName val="低_溶定格"/>
      <sheetName val="助燃限界"/>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家庭"/>
      <sheetName val="Ⅰ．グラフ "/>
      <sheetName val="Ⅱ．グラフ"/>
      <sheetName val="世帯別排出量"/>
      <sheetName val="世帯別排出量グラフ"/>
      <sheetName val="排出量原単位"/>
      <sheetName val="倶知安町世帯数"/>
      <sheetName val="協力意識"/>
      <sheetName val="協力意識グラフ "/>
    </sheetNames>
    <sheetDataSet>
      <sheetData sheetId="0"/>
      <sheetData sheetId="1"/>
      <sheetData sheetId="2"/>
      <sheetData sheetId="3"/>
      <sheetData sheetId="4"/>
      <sheetData sheetId="5"/>
      <sheetData sheetId="6"/>
      <sheetData sheetId="7"/>
      <sheetData sheetId="8"/>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器リスト (小山)"/>
      <sheetName val="×機器リスト（見本）"/>
      <sheetName val="診断方法"/>
      <sheetName val="劣化パターンと保全方式"/>
      <sheetName val="保全方式"/>
      <sheetName val="重要度区分"/>
      <sheetName val="診断の容易性"/>
      <sheetName val="故障頻度"/>
    </sheetNames>
    <sheetDataSet>
      <sheetData sheetId="0"/>
      <sheetData sheetId="1"/>
      <sheetData sheetId="2"/>
      <sheetData sheetId="3" refreshError="1">
        <row r="4">
          <cell r="A4" t="str">
            <v>故障率一定型</v>
          </cell>
          <cell r="B4" t="str">
            <v>○</v>
          </cell>
          <cell r="C4" t="str">
            <v>×</v>
          </cell>
          <cell r="D4" t="str">
            <v>◎</v>
          </cell>
        </row>
        <row r="5">
          <cell r="A5" t="str">
            <v>故障率減少型</v>
          </cell>
          <cell r="B5" t="str">
            <v>×</v>
          </cell>
          <cell r="C5" t="str">
            <v>×</v>
          </cell>
          <cell r="D5" t="str">
            <v>◎</v>
          </cell>
        </row>
        <row r="6">
          <cell r="A6" t="str">
            <v>故障率増加型</v>
          </cell>
          <cell r="B6" t="str">
            <v>×</v>
          </cell>
          <cell r="C6" t="str">
            <v>◎</v>
          </cell>
          <cell r="D6" t="str">
            <v>○</v>
          </cell>
        </row>
      </sheetData>
      <sheetData sheetId="4"/>
      <sheetData sheetId="5" refreshError="1">
        <row r="3">
          <cell r="B3">
            <v>5</v>
          </cell>
          <cell r="C3" t="str">
            <v>ＢＭ設備</v>
          </cell>
          <cell r="D3" t="str">
            <v>Ｃ</v>
          </cell>
        </row>
        <row r="4">
          <cell r="A4">
            <v>7</v>
          </cell>
          <cell r="B4">
            <v>11</v>
          </cell>
          <cell r="C4" t="str">
            <v>ＰＭ設備</v>
          </cell>
          <cell r="D4" t="str">
            <v>Ｂ</v>
          </cell>
        </row>
        <row r="5">
          <cell r="A5">
            <v>13</v>
          </cell>
          <cell r="B5">
            <v>17</v>
          </cell>
          <cell r="C5" t="str">
            <v>重要設備</v>
          </cell>
          <cell r="D5" t="str">
            <v>Ａ</v>
          </cell>
        </row>
        <row r="6">
          <cell r="A6">
            <v>19</v>
          </cell>
          <cell r="B6">
            <v>25</v>
          </cell>
          <cell r="C6" t="str">
            <v>最重要設備</v>
          </cell>
          <cell r="D6" t="str">
            <v>Ｓ</v>
          </cell>
        </row>
      </sheetData>
      <sheetData sheetId="6"/>
      <sheetData sheetId="7"/>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Ｒ＆Ｄマスタメインデータ"/>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研究設備BG"/>
      <sheetName val="990127申請 database"/>
      <sheetName val="99修正項目(関)"/>
      <sheetName val="研究・情報除くDB"/>
      <sheetName val="研究設備DB"/>
      <sheetName val="総務車輌リース"/>
      <sheetName val="情報リース"/>
      <sheetName val="集計"/>
      <sheetName val="直轄"/>
      <sheetName val="新・省ｴﾈ"/>
    </sheetNames>
    <sheetDataSet>
      <sheetData sheetId="0" refreshError="1">
        <row r="1">
          <cell r="A1" t="str">
            <v>本部</v>
          </cell>
          <cell r="B1" t="str">
            <v>事業部</v>
          </cell>
        </row>
        <row r="2">
          <cell r="A2" t="str">
            <v>D</v>
          </cell>
          <cell r="B2" t="str">
            <v>荏原電産</v>
          </cell>
        </row>
        <row r="3">
          <cell r="A3" t="str">
            <v>D</v>
          </cell>
          <cell r="B3" t="str">
            <v>荏原電産</v>
          </cell>
        </row>
        <row r="4">
          <cell r="A4" t="str">
            <v>D</v>
          </cell>
          <cell r="B4" t="str">
            <v>荏原電産</v>
          </cell>
        </row>
        <row r="5">
          <cell r="A5" t="str">
            <v>D</v>
          </cell>
          <cell r="B5" t="str">
            <v>荏原電産</v>
          </cell>
        </row>
        <row r="6">
          <cell r="A6" t="str">
            <v>D</v>
          </cell>
          <cell r="B6" t="str">
            <v>荏原電産</v>
          </cell>
        </row>
        <row r="7">
          <cell r="A7" t="str">
            <v>D</v>
          </cell>
          <cell r="B7" t="str">
            <v>荏原電産</v>
          </cell>
        </row>
        <row r="8">
          <cell r="A8" t="str">
            <v>D</v>
          </cell>
          <cell r="B8" t="str">
            <v>荏原電産</v>
          </cell>
        </row>
        <row r="9">
          <cell r="A9" t="str">
            <v>D</v>
          </cell>
          <cell r="B9" t="str">
            <v>荏原電産</v>
          </cell>
        </row>
        <row r="10">
          <cell r="A10" t="str">
            <v>D</v>
          </cell>
          <cell r="B10" t="str">
            <v>荏原電産</v>
          </cell>
        </row>
        <row r="11">
          <cell r="A11" t="str">
            <v>R</v>
          </cell>
          <cell r="B11" t="str">
            <v>荏原総合研究所</v>
          </cell>
        </row>
        <row r="12">
          <cell r="A12" t="str">
            <v>R</v>
          </cell>
          <cell r="B12" t="str">
            <v>荏原総合研究所</v>
          </cell>
        </row>
        <row r="13">
          <cell r="A13" t="str">
            <v>R</v>
          </cell>
          <cell r="B13" t="str">
            <v>荏原総合研究所</v>
          </cell>
        </row>
        <row r="14">
          <cell r="A14" t="str">
            <v>R</v>
          </cell>
          <cell r="B14" t="str">
            <v>荏原総合研究所</v>
          </cell>
        </row>
        <row r="15">
          <cell r="A15" t="str">
            <v>R</v>
          </cell>
          <cell r="B15" t="str">
            <v>荏原総合研究所</v>
          </cell>
        </row>
        <row r="16">
          <cell r="A16" t="str">
            <v>R</v>
          </cell>
          <cell r="B16" t="str">
            <v>荏原総合研究所</v>
          </cell>
        </row>
        <row r="17">
          <cell r="A17" t="str">
            <v>R</v>
          </cell>
          <cell r="B17" t="str">
            <v>荏原総合研究所</v>
          </cell>
        </row>
        <row r="18">
          <cell r="A18" t="str">
            <v>F</v>
          </cell>
          <cell r="B18" t="str">
            <v>羽田工場</v>
          </cell>
        </row>
        <row r="19">
          <cell r="A19" t="str">
            <v>F</v>
          </cell>
          <cell r="B19" t="str">
            <v>開発センター</v>
          </cell>
        </row>
        <row r="20">
          <cell r="A20" t="str">
            <v>F</v>
          </cell>
          <cell r="B20" t="str">
            <v>開発センター</v>
          </cell>
        </row>
        <row r="21">
          <cell r="A21" t="str">
            <v>F</v>
          </cell>
          <cell r="B21" t="str">
            <v>開発センター</v>
          </cell>
        </row>
        <row r="22">
          <cell r="A22" t="str">
            <v>F</v>
          </cell>
          <cell r="B22" t="str">
            <v>藤沢工場</v>
          </cell>
        </row>
        <row r="23">
          <cell r="A23" t="str">
            <v>F</v>
          </cell>
          <cell r="B23" t="str">
            <v>冷熱機械事業部</v>
          </cell>
        </row>
        <row r="24">
          <cell r="A24" t="str">
            <v>F</v>
          </cell>
          <cell r="B24" t="str">
            <v>冷熱機械事業部</v>
          </cell>
        </row>
        <row r="25">
          <cell r="A25" t="str">
            <v>F</v>
          </cell>
          <cell r="B25" t="str">
            <v>冷熱機械事業部</v>
          </cell>
        </row>
        <row r="26">
          <cell r="A26" t="str">
            <v>F</v>
          </cell>
          <cell r="B26" t="str">
            <v>冷熱機械事業部</v>
          </cell>
        </row>
        <row r="27">
          <cell r="A27" t="str">
            <v>E</v>
          </cell>
          <cell r="B27" t="str">
            <v>環境／エネルギー事業統括</v>
          </cell>
        </row>
        <row r="28">
          <cell r="A28" t="str">
            <v>E</v>
          </cell>
          <cell r="B28" t="str">
            <v>環境／ｾﾞﾛｴﾐｯｼｮﾝ事業統括</v>
          </cell>
        </row>
        <row r="29">
          <cell r="A29" t="str">
            <v>E</v>
          </cell>
          <cell r="B29" t="str">
            <v>環境／ｾﾞﾛｴﾐｯｼｮﾝ事業統括</v>
          </cell>
        </row>
        <row r="30">
          <cell r="A30" t="str">
            <v>E</v>
          </cell>
          <cell r="B30" t="str">
            <v>環境／ｾﾞﾛｴﾐｯｼｮﾝ事業統括</v>
          </cell>
        </row>
        <row r="31">
          <cell r="A31" t="str">
            <v>E</v>
          </cell>
          <cell r="B31" t="str">
            <v>環境／水処理事業統括</v>
          </cell>
        </row>
        <row r="32">
          <cell r="A32" t="str">
            <v>E</v>
          </cell>
          <cell r="B32" t="str">
            <v>環境／水処理事業統括</v>
          </cell>
        </row>
        <row r="33">
          <cell r="A33" t="str">
            <v>E</v>
          </cell>
          <cell r="B33" t="str">
            <v>環境／水処理事業統括</v>
          </cell>
        </row>
        <row r="34">
          <cell r="A34" t="str">
            <v>E</v>
          </cell>
          <cell r="B34" t="str">
            <v>環境／水処理事業統括</v>
          </cell>
        </row>
        <row r="35">
          <cell r="A35" t="str">
            <v>E</v>
          </cell>
          <cell r="B35" t="str">
            <v>環境／水処理事業統括</v>
          </cell>
        </row>
        <row r="36">
          <cell r="A36" t="str">
            <v>E</v>
          </cell>
          <cell r="B36" t="str">
            <v>環境開発センター</v>
          </cell>
        </row>
        <row r="37">
          <cell r="A37" t="str">
            <v>E</v>
          </cell>
          <cell r="B37" t="str">
            <v>風水力事業統括</v>
          </cell>
        </row>
        <row r="38">
          <cell r="A38" t="str">
            <v>P</v>
          </cell>
          <cell r="B38" t="str">
            <v>技術生産／開発統括室</v>
          </cell>
        </row>
        <row r="39">
          <cell r="A39" t="str">
            <v>P</v>
          </cell>
          <cell r="B39" t="str">
            <v>技術生産／開発統括室</v>
          </cell>
        </row>
        <row r="40">
          <cell r="A40" t="str">
            <v>P</v>
          </cell>
          <cell r="B40" t="str">
            <v>技術生産／開発統括室</v>
          </cell>
        </row>
        <row r="41">
          <cell r="A41" t="str">
            <v>P</v>
          </cell>
          <cell r="B41" t="str">
            <v>技術生産／開発統括室</v>
          </cell>
        </row>
        <row r="42">
          <cell r="A42" t="str">
            <v>P</v>
          </cell>
          <cell r="B42" t="str">
            <v>技術生産／開発統括室</v>
          </cell>
        </row>
        <row r="43">
          <cell r="A43" t="str">
            <v>P</v>
          </cell>
          <cell r="B43" t="str">
            <v>技術生産／開発統括室</v>
          </cell>
        </row>
        <row r="44">
          <cell r="A44" t="str">
            <v>P</v>
          </cell>
          <cell r="B44" t="str">
            <v>技術生産／開発統括室</v>
          </cell>
        </row>
        <row r="45">
          <cell r="A45" t="str">
            <v>P</v>
          </cell>
          <cell r="B45" t="str">
            <v>技術生産／開発統括室</v>
          </cell>
        </row>
        <row r="46">
          <cell r="A46" t="str">
            <v>P</v>
          </cell>
          <cell r="B46" t="str">
            <v>技術生産／開発統括室</v>
          </cell>
        </row>
        <row r="47">
          <cell r="A47" t="str">
            <v>P</v>
          </cell>
          <cell r="B47" t="str">
            <v>技術生産／開発統括室</v>
          </cell>
        </row>
        <row r="48">
          <cell r="A48" t="str">
            <v>P</v>
          </cell>
          <cell r="B48" t="str">
            <v>技術生産／開発統括室</v>
          </cell>
        </row>
        <row r="49">
          <cell r="A49" t="str">
            <v>P</v>
          </cell>
          <cell r="B49" t="str">
            <v>技術生産／開発統括室</v>
          </cell>
        </row>
        <row r="50">
          <cell r="A50" t="str">
            <v>P</v>
          </cell>
          <cell r="B50" t="str">
            <v>技術生産／開発統括室</v>
          </cell>
        </row>
        <row r="51">
          <cell r="A51" t="str">
            <v>P</v>
          </cell>
          <cell r="B51" t="str">
            <v>技術生産／開発統括室</v>
          </cell>
        </row>
        <row r="52">
          <cell r="A52" t="str">
            <v>P</v>
          </cell>
          <cell r="B52" t="str">
            <v>技術生産／開発統括室</v>
          </cell>
        </row>
        <row r="53">
          <cell r="A53" t="str">
            <v>P</v>
          </cell>
          <cell r="B53" t="str">
            <v>技術生産／開発統括室</v>
          </cell>
        </row>
        <row r="54">
          <cell r="A54" t="str">
            <v>P</v>
          </cell>
          <cell r="B54" t="str">
            <v>技術生産／開発統括室</v>
          </cell>
        </row>
        <row r="55">
          <cell r="A55" t="str">
            <v>P</v>
          </cell>
          <cell r="B55" t="str">
            <v>技術生産／制御技術センター</v>
          </cell>
        </row>
        <row r="56">
          <cell r="A56" t="str">
            <v>P</v>
          </cell>
          <cell r="B56" t="str">
            <v>技術生産／制御技術センター</v>
          </cell>
        </row>
        <row r="57">
          <cell r="A57" t="str">
            <v>P</v>
          </cell>
          <cell r="B57" t="str">
            <v>技術生産／精密･藤沢工場</v>
          </cell>
        </row>
        <row r="58">
          <cell r="A58" t="str">
            <v>P</v>
          </cell>
          <cell r="B58" t="str">
            <v>技術生産／精密機器事業部</v>
          </cell>
        </row>
        <row r="59">
          <cell r="A59" t="str">
            <v>P</v>
          </cell>
          <cell r="B59" t="str">
            <v>技術生産／精密機器事業部</v>
          </cell>
        </row>
        <row r="60">
          <cell r="A60" t="str">
            <v>P</v>
          </cell>
          <cell r="B60" t="str">
            <v>技術生産／精密機器事業部</v>
          </cell>
        </row>
        <row r="61">
          <cell r="A61" t="str">
            <v>P</v>
          </cell>
          <cell r="B61" t="str">
            <v>技術生産／精密機器事業部</v>
          </cell>
        </row>
        <row r="62">
          <cell r="A62" t="str">
            <v>P</v>
          </cell>
          <cell r="B62" t="str">
            <v>技術生産／精密機器事業部</v>
          </cell>
        </row>
        <row r="63">
          <cell r="A63" t="str">
            <v>P</v>
          </cell>
          <cell r="B63" t="str">
            <v>技術生産／精密機器事業部</v>
          </cell>
        </row>
        <row r="64">
          <cell r="A64" t="str">
            <v>P</v>
          </cell>
          <cell r="B64" t="str">
            <v>技術生産／精密機器事業部</v>
          </cell>
        </row>
        <row r="65">
          <cell r="A65" t="str">
            <v>P</v>
          </cell>
          <cell r="B65" t="str">
            <v>技術生産／精密機器事業部</v>
          </cell>
        </row>
        <row r="66">
          <cell r="A66" t="str">
            <v>P</v>
          </cell>
          <cell r="B66" t="str">
            <v>技術生産／精密機器事業部</v>
          </cell>
        </row>
        <row r="67">
          <cell r="A67" t="str">
            <v>P</v>
          </cell>
          <cell r="B67" t="str">
            <v>技術生産／精密機器事業部</v>
          </cell>
        </row>
        <row r="68">
          <cell r="A68" t="str">
            <v>P</v>
          </cell>
          <cell r="B68" t="str">
            <v>技術生産／精密機器事業部</v>
          </cell>
        </row>
        <row r="69">
          <cell r="A69" t="str">
            <v>P</v>
          </cell>
          <cell r="B69" t="str">
            <v>技術生産／精密機器事業部</v>
          </cell>
        </row>
        <row r="70">
          <cell r="A70" t="str">
            <v>P</v>
          </cell>
          <cell r="B70" t="str">
            <v>技術生産／精密機器事業部</v>
          </cell>
        </row>
        <row r="71">
          <cell r="A71" t="str">
            <v>P</v>
          </cell>
          <cell r="B71" t="str">
            <v>技術生産／精密機器事業部</v>
          </cell>
        </row>
        <row r="72">
          <cell r="A72" t="str">
            <v>P</v>
          </cell>
          <cell r="B72" t="str">
            <v>技術生産／精密機器事業部</v>
          </cell>
        </row>
        <row r="73">
          <cell r="A73" t="str">
            <v>P</v>
          </cell>
          <cell r="B73" t="str">
            <v>技術生産／精密機器事業部</v>
          </cell>
        </row>
        <row r="74">
          <cell r="A74" t="str">
            <v>P</v>
          </cell>
          <cell r="B74" t="str">
            <v>技術生産／精密機器事業部</v>
          </cell>
        </row>
        <row r="75">
          <cell r="A75" t="str">
            <v>P</v>
          </cell>
          <cell r="B75" t="str">
            <v>技術生産／精密機器事業部</v>
          </cell>
        </row>
        <row r="76">
          <cell r="A76" t="str">
            <v>P</v>
          </cell>
          <cell r="B76" t="str">
            <v>技術生産／精密機器事業部</v>
          </cell>
        </row>
        <row r="77">
          <cell r="A77" t="str">
            <v>P</v>
          </cell>
          <cell r="B77" t="str">
            <v>技術生産／精密機器事業部</v>
          </cell>
        </row>
        <row r="78">
          <cell r="A78" t="str">
            <v>P</v>
          </cell>
          <cell r="B78" t="str">
            <v>技術生産／精密機器事業部</v>
          </cell>
        </row>
        <row r="79">
          <cell r="A79" t="str">
            <v>P</v>
          </cell>
          <cell r="B79" t="str">
            <v>技術生産／精密機器事業部</v>
          </cell>
        </row>
        <row r="80">
          <cell r="A80" t="str">
            <v>P</v>
          </cell>
          <cell r="B80" t="str">
            <v>技術生産／精密機器事業部</v>
          </cell>
        </row>
        <row r="81">
          <cell r="A81" t="str">
            <v>P</v>
          </cell>
          <cell r="B81" t="str">
            <v>技術生産／精密機器事業部</v>
          </cell>
        </row>
        <row r="82">
          <cell r="A82" t="str">
            <v>P</v>
          </cell>
          <cell r="B82" t="str">
            <v>技術生産／精密機器事業部</v>
          </cell>
        </row>
        <row r="83">
          <cell r="A83" t="str">
            <v>P</v>
          </cell>
          <cell r="B83" t="str">
            <v>技術生産／精密機器事業部</v>
          </cell>
        </row>
        <row r="84">
          <cell r="A84" t="str">
            <v>P</v>
          </cell>
          <cell r="B84" t="str">
            <v>技術生産／装置事業部</v>
          </cell>
        </row>
        <row r="85">
          <cell r="A85" t="str">
            <v>P</v>
          </cell>
          <cell r="B85" t="str">
            <v>技術生産／装置事業部</v>
          </cell>
        </row>
        <row r="86">
          <cell r="A86" t="str">
            <v>P</v>
          </cell>
          <cell r="B86" t="str">
            <v>技術生産／装置事業部</v>
          </cell>
        </row>
        <row r="87">
          <cell r="A87" t="str">
            <v>P</v>
          </cell>
          <cell r="B87" t="str">
            <v>技術生産／装置事業部</v>
          </cell>
        </row>
        <row r="88">
          <cell r="A88" t="str">
            <v>P</v>
          </cell>
          <cell r="B88" t="str">
            <v>技術生産／装置事業部</v>
          </cell>
        </row>
        <row r="89">
          <cell r="A89" t="str">
            <v>P</v>
          </cell>
          <cell r="B89" t="str">
            <v>技術生産／装置事業部</v>
          </cell>
        </row>
        <row r="90">
          <cell r="A90" t="str">
            <v>P</v>
          </cell>
          <cell r="B90" t="str">
            <v>技術生産／装置事業部</v>
          </cell>
        </row>
        <row r="91">
          <cell r="A91" t="str">
            <v>P</v>
          </cell>
          <cell r="B91" t="str">
            <v>技術生産／装置事業部</v>
          </cell>
        </row>
        <row r="92">
          <cell r="A92" t="str">
            <v>P</v>
          </cell>
          <cell r="B92" t="str">
            <v>技術生産／装置事業部</v>
          </cell>
        </row>
        <row r="93">
          <cell r="A93" t="str">
            <v>P</v>
          </cell>
          <cell r="B93" t="str">
            <v>技術生産／装置事業部</v>
          </cell>
        </row>
        <row r="94">
          <cell r="A94" t="str">
            <v>P</v>
          </cell>
          <cell r="B94" t="str">
            <v>技術生産／装置事業部</v>
          </cell>
        </row>
        <row r="95">
          <cell r="A95" t="str">
            <v>P</v>
          </cell>
          <cell r="B95" t="str">
            <v>技術生産／装置事業部</v>
          </cell>
        </row>
        <row r="96">
          <cell r="A96" t="str">
            <v>P</v>
          </cell>
          <cell r="B96" t="str">
            <v>技術生産／装置事業部</v>
          </cell>
        </row>
        <row r="97">
          <cell r="A97" t="str">
            <v>P</v>
          </cell>
          <cell r="B97" t="str">
            <v>技術生産／装置事業部</v>
          </cell>
        </row>
        <row r="98">
          <cell r="A98" t="str">
            <v>P</v>
          </cell>
          <cell r="B98" t="str">
            <v>技術生産／装置事業部</v>
          </cell>
        </row>
        <row r="99">
          <cell r="A99" t="str">
            <v>P</v>
          </cell>
          <cell r="B99" t="str">
            <v>技術生産／装置事業部</v>
          </cell>
        </row>
        <row r="100">
          <cell r="A100" t="str">
            <v>P</v>
          </cell>
          <cell r="B100" t="str">
            <v>技術生産／装置事業部</v>
          </cell>
        </row>
        <row r="101">
          <cell r="A101" t="str">
            <v>P</v>
          </cell>
          <cell r="B101" t="str">
            <v>特定ﾌﾟﾛｼﾞｪｸﾄ統括</v>
          </cell>
        </row>
        <row r="102">
          <cell r="A102" t="str">
            <v>P</v>
          </cell>
          <cell r="B102" t="str">
            <v>特定ﾌﾟﾛｼﾞｪｸﾄ統括</v>
          </cell>
        </row>
        <row r="103">
          <cell r="A103" t="str">
            <v>P</v>
          </cell>
          <cell r="B103" t="str">
            <v>特定ﾌﾟﾛｼﾞｪｸﾄ統括</v>
          </cell>
        </row>
        <row r="104">
          <cell r="A104" t="str">
            <v>P</v>
          </cell>
          <cell r="B104" t="str">
            <v>特定ﾌﾟﾛｼﾞｪｸﾄ統括</v>
          </cell>
        </row>
        <row r="105">
          <cell r="A105" t="str">
            <v>P</v>
          </cell>
          <cell r="B105" t="str">
            <v>特定ﾌﾟﾛｼﾞｪｸﾄ統括</v>
          </cell>
        </row>
        <row r="106">
          <cell r="A106" t="str">
            <v>P</v>
          </cell>
          <cell r="B106" t="str">
            <v>特定ﾌﾟﾛｼﾞｪｸﾄ統括</v>
          </cell>
        </row>
        <row r="107">
          <cell r="A107" t="str">
            <v>T</v>
          </cell>
          <cell r="B107" t="str">
            <v>ビジネスシステム事業部</v>
          </cell>
        </row>
        <row r="108">
          <cell r="A108" t="str">
            <v>T</v>
          </cell>
          <cell r="B108" t="str">
            <v>ビジネスシステム事業部</v>
          </cell>
        </row>
        <row r="109">
          <cell r="A109" t="str">
            <v>T</v>
          </cell>
          <cell r="B109" t="str">
            <v>ビジネスシステム事業部</v>
          </cell>
        </row>
        <row r="110">
          <cell r="A110" t="str">
            <v>T</v>
          </cell>
          <cell r="B110" t="str">
            <v>ビジネスシステム事業部</v>
          </cell>
        </row>
        <row r="111">
          <cell r="A111" t="str">
            <v>T</v>
          </cell>
          <cell r="B111" t="str">
            <v>技術開発室</v>
          </cell>
        </row>
        <row r="112">
          <cell r="A112" t="str">
            <v>T</v>
          </cell>
          <cell r="B112" t="str">
            <v>技術開発室</v>
          </cell>
        </row>
        <row r="113">
          <cell r="A113" t="str">
            <v>T</v>
          </cell>
          <cell r="B113" t="str">
            <v>技術開発室</v>
          </cell>
        </row>
        <row r="114">
          <cell r="A114" t="str">
            <v>T</v>
          </cell>
          <cell r="B114" t="str">
            <v>技術開発室</v>
          </cell>
        </row>
        <row r="115">
          <cell r="A115" t="str">
            <v>T</v>
          </cell>
          <cell r="B115" t="str">
            <v>技術開発室</v>
          </cell>
        </row>
        <row r="116">
          <cell r="A116" t="str">
            <v>T</v>
          </cell>
          <cell r="B116" t="str">
            <v>技術開発室</v>
          </cell>
        </row>
        <row r="117">
          <cell r="A117" t="str">
            <v>T</v>
          </cell>
          <cell r="B117" t="str">
            <v>技術開発室</v>
          </cell>
        </row>
        <row r="118">
          <cell r="A118" t="str">
            <v>T</v>
          </cell>
          <cell r="B118" t="str">
            <v>技術開発室</v>
          </cell>
        </row>
        <row r="119">
          <cell r="A119" t="str">
            <v>T</v>
          </cell>
          <cell r="B119" t="str">
            <v>技術開発室</v>
          </cell>
        </row>
        <row r="120">
          <cell r="A120" t="str">
            <v>T</v>
          </cell>
          <cell r="B120" t="str">
            <v>技術開発室</v>
          </cell>
        </row>
        <row r="121">
          <cell r="A121" t="str">
            <v>T</v>
          </cell>
          <cell r="B121" t="str">
            <v>技術開発室</v>
          </cell>
        </row>
        <row r="122">
          <cell r="A122" t="str">
            <v>T</v>
          </cell>
          <cell r="B122" t="str">
            <v>技術開発室</v>
          </cell>
        </row>
        <row r="123">
          <cell r="A123" t="str">
            <v>T</v>
          </cell>
          <cell r="B123" t="str">
            <v>技術開発室</v>
          </cell>
        </row>
        <row r="124">
          <cell r="A124" t="str">
            <v>T</v>
          </cell>
          <cell r="B124" t="str">
            <v>技術開発室</v>
          </cell>
        </row>
        <row r="125">
          <cell r="A125" t="str">
            <v>T</v>
          </cell>
          <cell r="B125" t="str">
            <v>技術開発室</v>
          </cell>
        </row>
        <row r="126">
          <cell r="A126" t="str">
            <v>T</v>
          </cell>
          <cell r="B126" t="str">
            <v>技術開発室</v>
          </cell>
        </row>
        <row r="127">
          <cell r="A127" t="str">
            <v>T</v>
          </cell>
          <cell r="B127" t="str">
            <v>制御システム事業部</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寸法計画"/>
      <sheetName val="BH3"/>
      <sheetName val="BH4"/>
      <sheetName val="BH5"/>
      <sheetName val="BH6"/>
      <sheetName val="BH7"/>
      <sheetName val="BH8"/>
      <sheetName val="BH9"/>
      <sheetName val="BH10"/>
      <sheetName val="設備電力"/>
      <sheetName val="電力"/>
      <sheetName val="Load"/>
      <sheetName val="Sheet2"/>
      <sheetName val="Sheet3"/>
    </sheetNames>
    <sheetDataSet>
      <sheetData sheetId="0" refreshError="1">
        <row r="2">
          <cell r="D2" t="str">
            <v>No.2バグフィルタ</v>
          </cell>
        </row>
        <row r="31">
          <cell r="H31">
            <v>2</v>
          </cell>
        </row>
        <row r="86">
          <cell r="C86" t="str">
            <v>ロータリバルブ</v>
          </cell>
        </row>
      </sheetData>
      <sheetData sheetId="1" refreshError="1">
        <row r="73">
          <cell r="D73" t="str">
            <v>城南</v>
          </cell>
        </row>
      </sheetData>
      <sheetData sheetId="2"/>
      <sheetData sheetId="3"/>
      <sheetData sheetId="4"/>
      <sheetData sheetId="5"/>
      <sheetData sheetId="6"/>
      <sheetData sheetId="7"/>
      <sheetData sheetId="8"/>
      <sheetData sheetId="9" refreshError="1">
        <row r="2">
          <cell r="B2" t="str">
            <v>パルス用コンプレッサ</v>
          </cell>
        </row>
        <row r="4">
          <cell r="H4">
            <v>1</v>
          </cell>
        </row>
        <row r="13">
          <cell r="H13">
            <v>75</v>
          </cell>
        </row>
        <row r="27">
          <cell r="B27" t="str">
            <v>停止時ファン</v>
          </cell>
        </row>
        <row r="29">
          <cell r="H29">
            <v>2</v>
          </cell>
        </row>
        <row r="39">
          <cell r="H39">
            <v>11</v>
          </cell>
        </row>
        <row r="40">
          <cell r="B40" t="str">
            <v>停止時ヒータ</v>
          </cell>
        </row>
        <row r="42">
          <cell r="H42">
            <v>2</v>
          </cell>
        </row>
        <row r="52">
          <cell r="H52">
            <v>36</v>
          </cell>
        </row>
        <row r="53">
          <cell r="B53" t="str">
            <v>ホッパヒータ</v>
          </cell>
        </row>
        <row r="54">
          <cell r="H54">
            <v>8</v>
          </cell>
        </row>
        <row r="57">
          <cell r="H57">
            <v>2.5</v>
          </cell>
        </row>
        <row r="58">
          <cell r="B58" t="str">
            <v>ホッパ用バイブレータ</v>
          </cell>
        </row>
        <row r="59">
          <cell r="H59">
            <v>8</v>
          </cell>
        </row>
        <row r="62">
          <cell r="B62" t="str">
            <v>ダストコンベヤ</v>
          </cell>
        </row>
        <row r="63">
          <cell r="H63" t="str">
            <v>chain</v>
          </cell>
        </row>
        <row r="64">
          <cell r="H64">
            <v>2</v>
          </cell>
        </row>
        <row r="70">
          <cell r="H70">
            <v>1.5</v>
          </cell>
        </row>
        <row r="71">
          <cell r="B71" t="str">
            <v>コンベヤヒータ</v>
          </cell>
        </row>
        <row r="72">
          <cell r="H72">
            <v>2</v>
          </cell>
        </row>
        <row r="75">
          <cell r="H75">
            <v>6.5</v>
          </cell>
        </row>
        <row r="77">
          <cell r="H77">
            <v>2</v>
          </cell>
        </row>
        <row r="78">
          <cell r="H78">
            <v>0.75</v>
          </cell>
        </row>
        <row r="79">
          <cell r="B79" t="str">
            <v>各ダンパ用パワーシリンダ</v>
          </cell>
        </row>
        <row r="80">
          <cell r="H80">
            <v>12</v>
          </cell>
        </row>
        <row r="85">
          <cell r="H85">
            <v>440</v>
          </cell>
        </row>
      </sheetData>
      <sheetData sheetId="10"/>
      <sheetData sheetId="11"/>
      <sheetData sheetId="12"/>
      <sheetData sheetId="1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履歴"/>
      <sheetName val="物質収支"/>
      <sheetName val="前処理・炉規模"/>
      <sheetName val="プラズマ用灰量計算（低質ごみ）"/>
      <sheetName val="灰量計算"/>
      <sheetName val="灰組成計算"/>
      <sheetName val="溶融運転計画（焼却3炉）没"/>
      <sheetName val="溶融運転計画（焼却2炉）没"/>
    </sheetNames>
    <sheetDataSet>
      <sheetData sheetId="0"/>
      <sheetData sheetId="1"/>
      <sheetData sheetId="2"/>
      <sheetData sheetId="3" refreshError="1">
        <row r="4">
          <cell r="D4">
            <v>3</v>
          </cell>
        </row>
        <row r="5">
          <cell r="D5">
            <v>24</v>
          </cell>
        </row>
        <row r="6">
          <cell r="D6">
            <v>1</v>
          </cell>
        </row>
        <row r="7">
          <cell r="D7">
            <v>22.7</v>
          </cell>
        </row>
        <row r="10">
          <cell r="D10">
            <v>270.92018247763298</v>
          </cell>
        </row>
        <row r="11">
          <cell r="D11">
            <v>812.76054743289887</v>
          </cell>
        </row>
        <row r="12">
          <cell r="D12">
            <v>0.03</v>
          </cell>
        </row>
        <row r="15">
          <cell r="D15">
            <v>0</v>
          </cell>
        </row>
        <row r="16">
          <cell r="D16">
            <v>0.05</v>
          </cell>
        </row>
        <row r="17">
          <cell r="D17">
            <v>0.03</v>
          </cell>
        </row>
        <row r="20">
          <cell r="D20">
            <v>812.76054743289887</v>
          </cell>
        </row>
        <row r="21">
          <cell r="D21">
            <v>0.1</v>
          </cell>
        </row>
        <row r="22">
          <cell r="D22">
            <v>0.02</v>
          </cell>
        </row>
        <row r="23">
          <cell r="D23">
            <v>66.347799790440604</v>
          </cell>
        </row>
        <row r="24">
          <cell r="D24">
            <v>3.2666666666666663E-2</v>
          </cell>
        </row>
        <row r="28">
          <cell r="D28">
            <v>28.7879</v>
          </cell>
        </row>
        <row r="29">
          <cell r="D29">
            <v>86.363699999999994</v>
          </cell>
        </row>
        <row r="37">
          <cell r="D37">
            <v>0</v>
          </cell>
        </row>
        <row r="38">
          <cell r="D38">
            <v>0</v>
          </cell>
        </row>
        <row r="41">
          <cell r="D41">
            <v>0</v>
          </cell>
        </row>
        <row r="42">
          <cell r="D42">
            <v>0</v>
          </cell>
        </row>
      </sheetData>
      <sheetData sheetId="4"/>
      <sheetData sheetId="5"/>
      <sheetData sheetId="6"/>
      <sheetData sheetId="7"/>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受注_営業"/>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天山地区）見積等調査_様式集"/>
      <sheetName val="消費電力リスト"/>
      <sheetName val="電気盤リスト"/>
      <sheetName val="変更履歴"/>
      <sheetName val="EPC機器リスト"/>
      <sheetName val="重量リスト"/>
      <sheetName val="ローディングリスト"/>
      <sheetName val="rev01"/>
      <sheetName val="ml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寸法計画"/>
      <sheetName val="外形図1"/>
      <sheetName val="外形図2"/>
      <sheetName val="外形図3"/>
      <sheetName val="外形図4"/>
      <sheetName val="外形図5"/>
      <sheetName val="負荷リスト"/>
      <sheetName val="Sheet2"/>
      <sheetName val="Sheet3"/>
    </sheetNames>
    <sheetDataSet>
      <sheetData sheetId="0" refreshError="1">
        <row r="117">
          <cell r="C117" t="str">
            <v>Na系反応剤</v>
          </cell>
        </row>
        <row r="186">
          <cell r="H186">
            <v>0.75</v>
          </cell>
        </row>
        <row r="187">
          <cell r="H187">
            <v>0.4</v>
          </cell>
        </row>
        <row r="214">
          <cell r="H214">
            <v>0</v>
          </cell>
        </row>
        <row r="215">
          <cell r="H215">
            <v>0</v>
          </cell>
        </row>
      </sheetData>
      <sheetData sheetId="1"/>
      <sheetData sheetId="2"/>
      <sheetData sheetId="3"/>
      <sheetData sheetId="4"/>
      <sheetData sheetId="5"/>
      <sheetData sheetId="6"/>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研究設備BG"/>
      <sheetName val="990127申請 database"/>
      <sheetName val="99修正項目(関)"/>
      <sheetName val="研究・情報除くDB"/>
      <sheetName val="研究設備DB"/>
      <sheetName val="総務車輌リース"/>
      <sheetName val="情報リース"/>
      <sheetName val="集計"/>
      <sheetName val="直轄"/>
      <sheetName val="新・省ｴ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ption"/>
      <sheetName val="Forecast"/>
      <sheetName val="Segment"/>
      <sheetName val="Sep"/>
      <sheetName val="Annual"/>
      <sheetName val="FirstHalf"/>
      <sheetName val="CompanyList"/>
    </sheetNames>
    <sheetDataSet>
      <sheetData sheetId="0" refreshError="1">
        <row r="22">
          <cell r="F22">
            <v>1</v>
          </cell>
        </row>
        <row r="24">
          <cell r="F24" t="str">
            <v>荏原総合研究所</v>
          </cell>
        </row>
        <row r="26">
          <cell r="F26" t="str">
            <v>1220</v>
          </cell>
        </row>
        <row r="30">
          <cell r="F30" t="str">
            <v>百万円</v>
          </cell>
        </row>
      </sheetData>
      <sheetData sheetId="1" refreshError="1"/>
      <sheetData sheetId="2" refreshError="1"/>
      <sheetData sheetId="3" refreshError="1"/>
      <sheetData sheetId="4" refreshError="1"/>
      <sheetData sheetId="5" refreshError="1"/>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0"/>
  <sheetViews>
    <sheetView tabSelected="1" view="pageBreakPreview" topLeftCell="A4" zoomScale="85" zoomScaleNormal="100" zoomScaleSheetLayoutView="85" workbookViewId="0">
      <selection activeCell="D21" sqref="D19:D21"/>
    </sheetView>
  </sheetViews>
  <sheetFormatPr defaultColWidth="8.875" defaultRowHeight="13.5"/>
  <cols>
    <col min="1" max="2" width="5.875" style="1" customWidth="1"/>
    <col min="3" max="7" width="12.75" style="1" customWidth="1"/>
    <col min="8" max="9" width="5.875" style="1" customWidth="1"/>
    <col min="10" max="16384" width="8.875" style="1"/>
  </cols>
  <sheetData>
    <row r="1" spans="1:10" ht="20.25" customHeight="1"/>
    <row r="2" spans="1:10" ht="20.25" customHeight="1"/>
    <row r="3" spans="1:10" ht="20.25" customHeight="1"/>
    <row r="4" spans="1:10" ht="20.25" customHeight="1"/>
    <row r="5" spans="1:10" ht="20.25" customHeight="1" thickBot="1">
      <c r="B5" s="144"/>
      <c r="C5" s="144"/>
      <c r="D5" s="144"/>
      <c r="E5" s="144"/>
      <c r="F5" s="144"/>
      <c r="G5" s="144"/>
      <c r="H5" s="144"/>
    </row>
    <row r="6" spans="1:10" ht="20.25" customHeight="1" thickTop="1">
      <c r="A6" s="2"/>
      <c r="B6" s="2"/>
      <c r="C6" s="2"/>
      <c r="D6" s="2"/>
      <c r="E6" s="2"/>
      <c r="F6" s="2"/>
      <c r="G6" s="2"/>
      <c r="H6" s="2"/>
      <c r="I6" s="2"/>
    </row>
    <row r="7" spans="1:10" ht="35.25" customHeight="1">
      <c r="C7" s="260" t="s">
        <v>216</v>
      </c>
      <c r="D7" s="260"/>
      <c r="E7" s="260"/>
      <c r="F7" s="260"/>
      <c r="G7" s="260"/>
      <c r="H7" s="118"/>
      <c r="I7" s="118"/>
      <c r="J7" s="118"/>
    </row>
    <row r="8" spans="1:10" ht="35.25" customHeight="1">
      <c r="C8" s="260" t="s">
        <v>219</v>
      </c>
      <c r="D8" s="260"/>
      <c r="E8" s="260"/>
      <c r="F8" s="260"/>
      <c r="G8" s="260"/>
      <c r="H8" s="117"/>
      <c r="I8" s="115"/>
    </row>
    <row r="9" spans="1:10" ht="35.25" customHeight="1">
      <c r="B9" s="143"/>
      <c r="D9" s="256" t="s">
        <v>218</v>
      </c>
      <c r="E9" s="256"/>
      <c r="F9" s="256"/>
      <c r="G9" s="150"/>
      <c r="H9" s="117"/>
      <c r="I9" s="115"/>
    </row>
    <row r="10" spans="1:10" ht="20.25" customHeight="1" thickBot="1">
      <c r="A10" s="2"/>
      <c r="B10" s="145"/>
      <c r="C10" s="145"/>
      <c r="D10" s="145"/>
      <c r="E10" s="145"/>
      <c r="F10" s="145"/>
      <c r="G10" s="145"/>
      <c r="H10" s="145"/>
      <c r="I10" s="2"/>
    </row>
    <row r="11" spans="1:10" ht="20.25" customHeight="1" thickTop="1">
      <c r="A11" s="2"/>
      <c r="B11" s="2"/>
      <c r="C11" s="2"/>
      <c r="D11" s="2"/>
      <c r="E11" s="2"/>
      <c r="F11" s="2"/>
      <c r="G11" s="2"/>
      <c r="H11" s="2"/>
      <c r="I11" s="2"/>
    </row>
    <row r="12" spans="1:10" ht="20.25" customHeight="1">
      <c r="A12" s="2"/>
      <c r="B12" s="2"/>
      <c r="C12" s="2"/>
      <c r="D12" s="2"/>
      <c r="E12" s="2"/>
      <c r="F12" s="2"/>
      <c r="G12" s="2"/>
      <c r="H12" s="2"/>
      <c r="I12" s="2"/>
    </row>
    <row r="13" spans="1:10" ht="20.25" customHeight="1">
      <c r="A13" s="112"/>
      <c r="B13" s="112"/>
      <c r="C13" s="112"/>
      <c r="D13" s="112"/>
      <c r="E13" s="112"/>
      <c r="F13" s="112"/>
      <c r="G13" s="112"/>
      <c r="H13" s="112"/>
      <c r="I13" s="112"/>
    </row>
    <row r="14" spans="1:10" ht="20.25" customHeight="1">
      <c r="A14" s="112"/>
      <c r="B14" s="112"/>
      <c r="C14" s="112"/>
      <c r="D14" s="112"/>
      <c r="E14" s="112"/>
      <c r="F14" s="112"/>
      <c r="G14" s="112"/>
      <c r="H14" s="112"/>
      <c r="I14" s="112"/>
    </row>
    <row r="15" spans="1:10" ht="20.25" customHeight="1">
      <c r="A15" s="112"/>
      <c r="B15" s="112"/>
      <c r="C15" s="112"/>
      <c r="D15" s="112"/>
      <c r="E15" s="112"/>
      <c r="F15" s="112"/>
      <c r="G15" s="112"/>
      <c r="H15" s="112"/>
      <c r="I15" s="112"/>
    </row>
    <row r="16" spans="1:10" ht="20.25" customHeight="1"/>
    <row r="17" spans="1:13" ht="20.25" customHeight="1"/>
    <row r="18" spans="1:13" ht="20.25" customHeight="1"/>
    <row r="19" spans="1:13" ht="20.25" customHeight="1">
      <c r="A19" s="113"/>
      <c r="B19" s="113"/>
      <c r="C19" s="113"/>
      <c r="D19" s="113"/>
      <c r="E19" s="113"/>
      <c r="F19" s="113"/>
      <c r="G19" s="113"/>
      <c r="H19" s="113"/>
      <c r="I19" s="113"/>
      <c r="M19" s="116"/>
    </row>
    <row r="20" spans="1:13" ht="20.25" customHeight="1">
      <c r="A20" s="113"/>
      <c r="B20" s="113"/>
      <c r="C20" s="113"/>
      <c r="D20" s="113"/>
      <c r="E20" s="113"/>
      <c r="F20" s="113"/>
      <c r="G20" s="113"/>
      <c r="H20" s="113"/>
      <c r="I20" s="113"/>
      <c r="M20" s="116"/>
    </row>
    <row r="21" spans="1:13" ht="20.25" customHeight="1">
      <c r="A21" s="111"/>
      <c r="B21" s="111"/>
      <c r="C21" s="111"/>
      <c r="D21" s="111"/>
      <c r="E21" s="111"/>
      <c r="F21" s="111"/>
      <c r="G21" s="111"/>
      <c r="H21" s="111"/>
      <c r="I21" s="111"/>
      <c r="M21" s="116"/>
    </row>
    <row r="22" spans="1:13" ht="20.25" customHeight="1">
      <c r="A22" s="3"/>
      <c r="B22" s="3"/>
      <c r="C22" s="3"/>
      <c r="D22" s="3"/>
      <c r="E22" s="3"/>
      <c r="F22" s="3"/>
      <c r="G22" s="3"/>
      <c r="H22" s="3"/>
      <c r="I22" s="3"/>
      <c r="M22" s="116"/>
    </row>
    <row r="23" spans="1:13" ht="20.25" customHeight="1">
      <c r="A23" s="3"/>
      <c r="B23" s="3"/>
      <c r="C23" s="3"/>
      <c r="D23" s="3"/>
      <c r="E23" s="3"/>
      <c r="F23" s="3"/>
      <c r="G23" s="3"/>
      <c r="H23" s="3"/>
      <c r="I23" s="3"/>
    </row>
    <row r="24" spans="1:13" ht="48.75" customHeight="1">
      <c r="B24" s="151"/>
      <c r="C24" s="151"/>
      <c r="D24" s="257" t="s">
        <v>315</v>
      </c>
      <c r="E24" s="257"/>
      <c r="F24" s="257"/>
      <c r="G24" s="151"/>
      <c r="H24" s="151"/>
      <c r="I24" s="151"/>
    </row>
    <row r="25" spans="1:13" ht="20.25" customHeight="1">
      <c r="A25" s="149"/>
      <c r="B25" s="149"/>
      <c r="C25" s="149"/>
      <c r="D25" s="149"/>
      <c r="E25" s="149"/>
      <c r="F25" s="149"/>
      <c r="G25" s="149"/>
      <c r="H25" s="149"/>
      <c r="I25" s="149"/>
    </row>
    <row r="26" spans="1:13" ht="20.25" customHeight="1">
      <c r="A26" s="149"/>
      <c r="B26" s="149"/>
      <c r="C26" s="149"/>
      <c r="D26" s="149"/>
      <c r="E26" s="149"/>
      <c r="F26" s="149"/>
      <c r="G26" s="149"/>
      <c r="H26" s="149"/>
      <c r="I26" s="149"/>
    </row>
    <row r="27" spans="1:13" ht="20.25" customHeight="1">
      <c r="A27" s="4"/>
      <c r="B27" s="4"/>
      <c r="C27" s="4"/>
      <c r="D27" s="4"/>
      <c r="E27" s="4"/>
      <c r="F27" s="4"/>
      <c r="G27" s="4"/>
      <c r="H27" s="4"/>
      <c r="I27" s="4"/>
    </row>
    <row r="28" spans="1:13" ht="48.75" customHeight="1">
      <c r="B28" s="152"/>
      <c r="C28" s="258" t="s">
        <v>217</v>
      </c>
      <c r="D28" s="258"/>
      <c r="E28" s="258"/>
      <c r="F28" s="258"/>
      <c r="G28" s="258"/>
      <c r="H28" s="152"/>
      <c r="I28" s="152"/>
    </row>
    <row r="29" spans="1:13">
      <c r="A29" s="261"/>
      <c r="B29" s="261"/>
      <c r="C29" s="261"/>
      <c r="D29" s="261"/>
      <c r="E29" s="261"/>
      <c r="F29" s="261"/>
      <c r="G29" s="261"/>
      <c r="H29" s="261"/>
      <c r="I29" s="261"/>
    </row>
    <row r="30" spans="1:13">
      <c r="A30" s="259"/>
      <c r="B30" s="259"/>
      <c r="C30" s="259"/>
      <c r="D30" s="259"/>
      <c r="E30" s="259"/>
      <c r="F30" s="259"/>
      <c r="G30" s="259"/>
      <c r="H30" s="259"/>
      <c r="I30" s="259"/>
    </row>
  </sheetData>
  <sheetProtection selectLockedCells="1" selectUnlockedCells="1"/>
  <mergeCells count="7">
    <mergeCell ref="D9:F9"/>
    <mergeCell ref="D24:F24"/>
    <mergeCell ref="C28:G28"/>
    <mergeCell ref="A30:I30"/>
    <mergeCell ref="C7:G7"/>
    <mergeCell ref="C8:G8"/>
    <mergeCell ref="A29:I29"/>
  </mergeCells>
  <phoneticPr fontId="27"/>
  <pageMargins left="0.70866141732283472" right="0.59055118110236227" top="0.98425196850393704" bottom="0.98425196850393704" header="0.51181102362204722" footer="0.51181102362204722"/>
  <pageSetup paperSize="9" firstPageNumber="0" orientation="portrait" horizontalDpi="300" verticalDpi="30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Y37"/>
  <sheetViews>
    <sheetView view="pageBreakPreview" zoomScale="85" zoomScaleNormal="100" zoomScaleSheetLayoutView="85" workbookViewId="0">
      <selection activeCell="I5" sqref="I5"/>
    </sheetView>
  </sheetViews>
  <sheetFormatPr defaultRowHeight="15" customHeight="1"/>
  <cols>
    <col min="1" max="3" width="2.25" style="30" customWidth="1"/>
    <col min="4" max="4" width="18.5" style="30" customWidth="1"/>
    <col min="5" max="24" width="10" style="30" customWidth="1"/>
    <col min="25" max="25" width="11.375" style="30" customWidth="1"/>
    <col min="26" max="16384" width="9" style="30"/>
  </cols>
  <sheetData>
    <row r="1" spans="1:25" s="5" customFormat="1" ht="18.600000000000001" customHeight="1">
      <c r="A1" s="26" t="s">
        <v>283</v>
      </c>
      <c r="B1" s="6"/>
      <c r="C1" s="6"/>
    </row>
    <row r="2" spans="1:25" s="5" customFormat="1" ht="26.25" customHeight="1">
      <c r="A2" s="248" t="s">
        <v>320</v>
      </c>
      <c r="B2" s="80"/>
      <c r="C2" s="80"/>
      <c r="D2" s="80"/>
      <c r="E2" s="80"/>
      <c r="F2" s="80"/>
      <c r="G2" s="80"/>
      <c r="H2" s="80"/>
      <c r="I2" s="80"/>
      <c r="J2" s="80"/>
      <c r="K2" s="80"/>
      <c r="L2" s="80"/>
      <c r="M2" s="80"/>
      <c r="N2" s="80"/>
      <c r="O2" s="80"/>
      <c r="P2" s="80"/>
      <c r="Q2" s="80"/>
      <c r="R2" s="80"/>
      <c r="S2" s="80"/>
      <c r="T2" s="80"/>
      <c r="U2" s="80"/>
      <c r="V2" s="80"/>
      <c r="W2" s="80"/>
      <c r="X2" s="80"/>
      <c r="Y2" s="28" t="s">
        <v>210</v>
      </c>
    </row>
    <row r="3" spans="1:25" ht="21" customHeight="1" thickBot="1">
      <c r="B3" s="346" t="s">
        <v>69</v>
      </c>
      <c r="C3" s="346"/>
      <c r="D3" s="346"/>
      <c r="E3" s="347" t="s">
        <v>215</v>
      </c>
      <c r="F3" s="347"/>
      <c r="G3" s="347"/>
      <c r="H3" s="347"/>
      <c r="I3" s="347"/>
      <c r="J3" s="347"/>
      <c r="K3" s="347"/>
      <c r="L3" s="347"/>
      <c r="M3" s="347"/>
      <c r="N3" s="347"/>
      <c r="O3" s="347"/>
      <c r="P3" s="347"/>
      <c r="Q3" s="347"/>
      <c r="R3" s="347"/>
      <c r="S3" s="347"/>
      <c r="T3" s="347"/>
      <c r="U3" s="347"/>
      <c r="V3" s="347"/>
      <c r="W3" s="347"/>
      <c r="X3" s="347"/>
      <c r="Y3" s="347"/>
    </row>
    <row r="4" spans="1:25" ht="21" customHeight="1" thickTop="1" thickBot="1">
      <c r="B4" s="346"/>
      <c r="C4" s="346"/>
      <c r="D4" s="346"/>
      <c r="E4" s="29" t="s">
        <v>284</v>
      </c>
      <c r="F4" s="29" t="s">
        <v>285</v>
      </c>
      <c r="G4" s="29" t="s">
        <v>286</v>
      </c>
      <c r="H4" s="29" t="s">
        <v>287</v>
      </c>
      <c r="I4" s="29" t="s">
        <v>288</v>
      </c>
      <c r="J4" s="29" t="s">
        <v>289</v>
      </c>
      <c r="K4" s="29" t="s">
        <v>290</v>
      </c>
      <c r="L4" s="29" t="s">
        <v>291</v>
      </c>
      <c r="M4" s="29" t="s">
        <v>292</v>
      </c>
      <c r="N4" s="29" t="s">
        <v>293</v>
      </c>
      <c r="O4" s="29" t="s">
        <v>294</v>
      </c>
      <c r="P4" s="29" t="s">
        <v>295</v>
      </c>
      <c r="Q4" s="29" t="s">
        <v>296</v>
      </c>
      <c r="R4" s="29" t="s">
        <v>297</v>
      </c>
      <c r="S4" s="29" t="s">
        <v>298</v>
      </c>
      <c r="T4" s="29" t="s">
        <v>299</v>
      </c>
      <c r="U4" s="29" t="s">
        <v>300</v>
      </c>
      <c r="V4" s="29" t="s">
        <v>301</v>
      </c>
      <c r="W4" s="29" t="s">
        <v>302</v>
      </c>
      <c r="X4" s="29" t="s">
        <v>303</v>
      </c>
      <c r="Y4" s="67" t="s">
        <v>17</v>
      </c>
    </row>
    <row r="5" spans="1:25" ht="21" customHeight="1" thickTop="1">
      <c r="B5" s="348" t="s">
        <v>86</v>
      </c>
      <c r="C5" s="348"/>
      <c r="D5" s="348"/>
      <c r="E5" s="69"/>
      <c r="F5" s="69"/>
      <c r="G5" s="69"/>
      <c r="H5" s="69"/>
      <c r="I5" s="69"/>
      <c r="J5" s="69"/>
      <c r="K5" s="69"/>
      <c r="L5" s="69"/>
      <c r="M5" s="69"/>
      <c r="N5" s="69"/>
      <c r="O5" s="69"/>
      <c r="P5" s="69"/>
      <c r="Q5" s="69"/>
      <c r="R5" s="69"/>
      <c r="S5" s="69"/>
      <c r="T5" s="69"/>
      <c r="U5" s="69"/>
      <c r="V5" s="69"/>
      <c r="W5" s="69"/>
      <c r="X5" s="69"/>
      <c r="Y5" s="69"/>
    </row>
    <row r="6" spans="1:25" ht="21" customHeight="1">
      <c r="B6" s="68"/>
      <c r="C6" s="349" t="s">
        <v>126</v>
      </c>
      <c r="D6" s="349"/>
      <c r="E6" s="70"/>
      <c r="F6" s="70"/>
      <c r="G6" s="70"/>
      <c r="H6" s="70"/>
      <c r="I6" s="70"/>
      <c r="J6" s="70"/>
      <c r="K6" s="70"/>
      <c r="L6" s="70"/>
      <c r="M6" s="70"/>
      <c r="N6" s="70"/>
      <c r="O6" s="70"/>
      <c r="P6" s="70"/>
      <c r="Q6" s="70"/>
      <c r="R6" s="70"/>
      <c r="S6" s="70"/>
      <c r="T6" s="70"/>
      <c r="U6" s="70"/>
      <c r="V6" s="70"/>
      <c r="W6" s="70"/>
      <c r="X6" s="70"/>
      <c r="Y6" s="70"/>
    </row>
    <row r="7" spans="1:25" ht="21" customHeight="1">
      <c r="B7" s="68"/>
      <c r="C7" s="350" t="s">
        <v>214</v>
      </c>
      <c r="D7" s="350"/>
      <c r="E7" s="71"/>
      <c r="F7" s="71"/>
      <c r="G7" s="71"/>
      <c r="H7" s="71"/>
      <c r="I7" s="71"/>
      <c r="J7" s="71"/>
      <c r="K7" s="71"/>
      <c r="L7" s="71"/>
      <c r="M7" s="71"/>
      <c r="N7" s="71"/>
      <c r="O7" s="71"/>
      <c r="P7" s="71"/>
      <c r="Q7" s="71"/>
      <c r="R7" s="71"/>
      <c r="S7" s="71"/>
      <c r="T7" s="71"/>
      <c r="U7" s="71"/>
      <c r="V7" s="71"/>
      <c r="W7" s="71"/>
      <c r="X7" s="71"/>
      <c r="Y7" s="71"/>
    </row>
    <row r="8" spans="1:25" ht="21" customHeight="1">
      <c r="B8" s="68"/>
      <c r="C8" s="351"/>
      <c r="D8" s="351"/>
      <c r="E8" s="72"/>
      <c r="F8" s="72"/>
      <c r="G8" s="72"/>
      <c r="H8" s="72"/>
      <c r="I8" s="72"/>
      <c r="J8" s="72"/>
      <c r="K8" s="72"/>
      <c r="L8" s="72"/>
      <c r="M8" s="72"/>
      <c r="N8" s="72"/>
      <c r="O8" s="72"/>
      <c r="P8" s="72"/>
      <c r="Q8" s="72"/>
      <c r="R8" s="72"/>
      <c r="S8" s="72"/>
      <c r="T8" s="72"/>
      <c r="U8" s="72"/>
      <c r="V8" s="72"/>
      <c r="W8" s="72"/>
      <c r="X8" s="72"/>
      <c r="Y8" s="72"/>
    </row>
    <row r="9" spans="1:25" ht="21" customHeight="1">
      <c r="B9" s="352" t="s">
        <v>85</v>
      </c>
      <c r="C9" s="352"/>
      <c r="D9" s="352"/>
      <c r="E9" s="73"/>
      <c r="F9" s="73"/>
      <c r="G9" s="73"/>
      <c r="H9" s="73"/>
      <c r="I9" s="73"/>
      <c r="J9" s="73"/>
      <c r="K9" s="73"/>
      <c r="L9" s="73"/>
      <c r="M9" s="73"/>
      <c r="N9" s="73"/>
      <c r="O9" s="73"/>
      <c r="P9" s="73"/>
      <c r="Q9" s="73"/>
      <c r="R9" s="73"/>
      <c r="S9" s="73"/>
      <c r="T9" s="73"/>
      <c r="U9" s="73"/>
      <c r="V9" s="73"/>
      <c r="W9" s="73"/>
      <c r="X9" s="73"/>
      <c r="Y9" s="73"/>
    </row>
    <row r="10" spans="1:25" ht="21" customHeight="1">
      <c r="B10" s="74"/>
      <c r="C10" s="353" t="s">
        <v>127</v>
      </c>
      <c r="D10" s="353"/>
      <c r="E10" s="70"/>
      <c r="F10" s="70"/>
      <c r="G10" s="70"/>
      <c r="H10" s="70"/>
      <c r="I10" s="70"/>
      <c r="J10" s="70"/>
      <c r="K10" s="70"/>
      <c r="L10" s="70"/>
      <c r="M10" s="70"/>
      <c r="N10" s="70"/>
      <c r="O10" s="70"/>
      <c r="P10" s="70"/>
      <c r="Q10" s="70"/>
      <c r="R10" s="70"/>
      <c r="S10" s="70"/>
      <c r="T10" s="70"/>
      <c r="U10" s="70"/>
      <c r="V10" s="70"/>
      <c r="W10" s="70"/>
      <c r="X10" s="70"/>
      <c r="Y10" s="70"/>
    </row>
    <row r="11" spans="1:25" ht="21" customHeight="1">
      <c r="B11" s="74"/>
      <c r="C11" s="345" t="s">
        <v>75</v>
      </c>
      <c r="D11" s="345"/>
      <c r="E11" s="71"/>
      <c r="F11" s="71"/>
      <c r="G11" s="71"/>
      <c r="H11" s="71"/>
      <c r="I11" s="71"/>
      <c r="J11" s="71"/>
      <c r="K11" s="71"/>
      <c r="L11" s="71"/>
      <c r="M11" s="71"/>
      <c r="N11" s="71"/>
      <c r="O11" s="71"/>
      <c r="P11" s="71"/>
      <c r="Q11" s="71"/>
      <c r="R11" s="71"/>
      <c r="S11" s="71"/>
      <c r="T11" s="71"/>
      <c r="U11" s="71"/>
      <c r="V11" s="71"/>
      <c r="W11" s="71"/>
      <c r="X11" s="71"/>
      <c r="Y11" s="71"/>
    </row>
    <row r="12" spans="1:25" ht="21" customHeight="1">
      <c r="B12" s="74"/>
      <c r="C12" s="354" t="s">
        <v>66</v>
      </c>
      <c r="D12" s="354"/>
      <c r="E12" s="75"/>
      <c r="F12" s="75"/>
      <c r="G12" s="75"/>
      <c r="H12" s="75"/>
      <c r="I12" s="75"/>
      <c r="J12" s="75"/>
      <c r="K12" s="75"/>
      <c r="L12" s="75"/>
      <c r="M12" s="75"/>
      <c r="N12" s="75"/>
      <c r="O12" s="75"/>
      <c r="P12" s="75"/>
      <c r="Q12" s="75"/>
      <c r="R12" s="75"/>
      <c r="S12" s="75"/>
      <c r="T12" s="75"/>
      <c r="U12" s="75"/>
      <c r="V12" s="75"/>
      <c r="W12" s="75"/>
      <c r="X12" s="75"/>
      <c r="Y12" s="75"/>
    </row>
    <row r="13" spans="1:25" ht="21" customHeight="1">
      <c r="B13" s="74"/>
      <c r="C13" s="354" t="s">
        <v>128</v>
      </c>
      <c r="D13" s="354"/>
      <c r="E13" s="71"/>
      <c r="F13" s="71"/>
      <c r="G13" s="71"/>
      <c r="H13" s="71"/>
      <c r="I13" s="71"/>
      <c r="J13" s="71"/>
      <c r="K13" s="71"/>
      <c r="L13" s="71"/>
      <c r="M13" s="71"/>
      <c r="N13" s="71"/>
      <c r="O13" s="71"/>
      <c r="P13" s="71"/>
      <c r="Q13" s="71"/>
      <c r="R13" s="71"/>
      <c r="S13" s="71"/>
      <c r="T13" s="71"/>
      <c r="U13" s="71"/>
      <c r="V13" s="71"/>
      <c r="W13" s="71"/>
      <c r="X13" s="71"/>
      <c r="Y13" s="71"/>
    </row>
    <row r="14" spans="1:25" ht="21" customHeight="1">
      <c r="B14" s="74"/>
      <c r="C14" s="345" t="s">
        <v>65</v>
      </c>
      <c r="D14" s="345"/>
      <c r="E14" s="71"/>
      <c r="F14" s="71"/>
      <c r="G14" s="71"/>
      <c r="H14" s="71"/>
      <c r="I14" s="71"/>
      <c r="J14" s="71"/>
      <c r="K14" s="71"/>
      <c r="L14" s="71"/>
      <c r="M14" s="71"/>
      <c r="N14" s="71"/>
      <c r="O14" s="71"/>
      <c r="P14" s="71"/>
      <c r="Q14" s="71"/>
      <c r="R14" s="71"/>
      <c r="S14" s="71"/>
      <c r="T14" s="71"/>
      <c r="U14" s="71"/>
      <c r="V14" s="71"/>
      <c r="W14" s="71"/>
      <c r="X14" s="71"/>
      <c r="Y14" s="71"/>
    </row>
    <row r="15" spans="1:25" ht="21" customHeight="1">
      <c r="B15" s="74"/>
      <c r="C15" s="345" t="s">
        <v>129</v>
      </c>
      <c r="D15" s="345"/>
      <c r="E15" s="71"/>
      <c r="F15" s="71"/>
      <c r="G15" s="71"/>
      <c r="H15" s="71"/>
      <c r="I15" s="71"/>
      <c r="J15" s="71"/>
      <c r="K15" s="71"/>
      <c r="L15" s="71"/>
      <c r="M15" s="71"/>
      <c r="N15" s="71"/>
      <c r="O15" s="71"/>
      <c r="P15" s="71"/>
      <c r="Q15" s="71"/>
      <c r="R15" s="71"/>
      <c r="S15" s="71"/>
      <c r="T15" s="71"/>
      <c r="U15" s="71"/>
      <c r="V15" s="71"/>
      <c r="W15" s="71"/>
      <c r="X15" s="71"/>
      <c r="Y15" s="71"/>
    </row>
    <row r="16" spans="1:25" ht="21" customHeight="1">
      <c r="B16" s="74"/>
      <c r="C16" s="345" t="s">
        <v>162</v>
      </c>
      <c r="D16" s="345"/>
      <c r="E16" s="71"/>
      <c r="F16" s="71"/>
      <c r="G16" s="71"/>
      <c r="H16" s="71"/>
      <c r="I16" s="71"/>
      <c r="J16" s="71"/>
      <c r="K16" s="71"/>
      <c r="L16" s="71"/>
      <c r="M16" s="71"/>
      <c r="N16" s="71"/>
      <c r="O16" s="71"/>
      <c r="P16" s="71"/>
      <c r="Q16" s="71"/>
      <c r="R16" s="71"/>
      <c r="S16" s="71"/>
      <c r="T16" s="71"/>
      <c r="U16" s="71"/>
      <c r="V16" s="71"/>
      <c r="W16" s="71"/>
      <c r="X16" s="71"/>
      <c r="Y16" s="71"/>
    </row>
    <row r="17" spans="2:25" ht="21" customHeight="1">
      <c r="B17" s="74"/>
      <c r="C17" s="345"/>
      <c r="D17" s="345"/>
      <c r="E17" s="71"/>
      <c r="F17" s="71"/>
      <c r="G17" s="71"/>
      <c r="H17" s="71"/>
      <c r="I17" s="71"/>
      <c r="J17" s="71"/>
      <c r="K17" s="71"/>
      <c r="L17" s="71"/>
      <c r="M17" s="71"/>
      <c r="N17" s="71"/>
      <c r="O17" s="71"/>
      <c r="P17" s="71"/>
      <c r="Q17" s="71"/>
      <c r="R17" s="71"/>
      <c r="S17" s="71"/>
      <c r="T17" s="71"/>
      <c r="U17" s="71"/>
      <c r="V17" s="71"/>
      <c r="W17" s="71"/>
      <c r="X17" s="71"/>
      <c r="Y17" s="71"/>
    </row>
    <row r="18" spans="2:25" ht="21" customHeight="1">
      <c r="B18" s="74"/>
      <c r="C18" s="345"/>
      <c r="D18" s="345"/>
      <c r="E18" s="71"/>
      <c r="F18" s="71"/>
      <c r="G18" s="71"/>
      <c r="H18" s="71"/>
      <c r="I18" s="71"/>
      <c r="J18" s="71"/>
      <c r="K18" s="71"/>
      <c r="L18" s="71"/>
      <c r="M18" s="71"/>
      <c r="N18" s="71"/>
      <c r="O18" s="71"/>
      <c r="P18" s="71"/>
      <c r="Q18" s="71"/>
      <c r="R18" s="71"/>
      <c r="S18" s="71"/>
      <c r="T18" s="71"/>
      <c r="U18" s="71"/>
      <c r="V18" s="71"/>
      <c r="W18" s="71"/>
      <c r="X18" s="71"/>
      <c r="Y18" s="71"/>
    </row>
    <row r="19" spans="2:25" ht="21" customHeight="1">
      <c r="B19" s="74"/>
      <c r="C19" s="345"/>
      <c r="D19" s="345"/>
      <c r="E19" s="71"/>
      <c r="F19" s="71"/>
      <c r="G19" s="71"/>
      <c r="H19" s="71"/>
      <c r="I19" s="71"/>
      <c r="J19" s="71"/>
      <c r="K19" s="71"/>
      <c r="L19" s="71"/>
      <c r="M19" s="71"/>
      <c r="N19" s="71"/>
      <c r="O19" s="71"/>
      <c r="P19" s="71"/>
      <c r="Q19" s="71"/>
      <c r="R19" s="71"/>
      <c r="S19" s="71"/>
      <c r="T19" s="71"/>
      <c r="U19" s="71"/>
      <c r="V19" s="71"/>
      <c r="W19" s="71"/>
      <c r="X19" s="71"/>
      <c r="Y19" s="71"/>
    </row>
    <row r="20" spans="2:25" ht="21" customHeight="1">
      <c r="B20" s="74"/>
      <c r="C20" s="345"/>
      <c r="D20" s="345"/>
      <c r="E20" s="71"/>
      <c r="F20" s="71"/>
      <c r="G20" s="71"/>
      <c r="H20" s="71"/>
      <c r="I20" s="71"/>
      <c r="J20" s="71"/>
      <c r="K20" s="71"/>
      <c r="L20" s="71"/>
      <c r="M20" s="71"/>
      <c r="N20" s="71"/>
      <c r="O20" s="71"/>
      <c r="P20" s="71"/>
      <c r="Q20" s="71"/>
      <c r="R20" s="71"/>
      <c r="S20" s="71"/>
      <c r="T20" s="71"/>
      <c r="U20" s="71"/>
      <c r="V20" s="71"/>
      <c r="W20" s="71"/>
      <c r="X20" s="71"/>
      <c r="Y20" s="71"/>
    </row>
    <row r="21" spans="2:25" ht="21" customHeight="1">
      <c r="B21" s="74"/>
      <c r="C21" s="345"/>
      <c r="D21" s="345"/>
      <c r="E21" s="71"/>
      <c r="F21" s="71"/>
      <c r="G21" s="71"/>
      <c r="H21" s="71"/>
      <c r="I21" s="71"/>
      <c r="J21" s="71"/>
      <c r="K21" s="71"/>
      <c r="L21" s="71"/>
      <c r="M21" s="71"/>
      <c r="N21" s="71"/>
      <c r="O21" s="71"/>
      <c r="P21" s="71"/>
      <c r="Q21" s="71"/>
      <c r="R21" s="71"/>
      <c r="S21" s="71"/>
      <c r="T21" s="71"/>
      <c r="U21" s="71"/>
      <c r="V21" s="71"/>
      <c r="W21" s="71"/>
      <c r="X21" s="71"/>
      <c r="Y21" s="71"/>
    </row>
    <row r="22" spans="2:25" ht="21" customHeight="1">
      <c r="B22" s="74"/>
      <c r="C22" s="345"/>
      <c r="D22" s="345"/>
      <c r="E22" s="71"/>
      <c r="F22" s="71"/>
      <c r="G22" s="71"/>
      <c r="H22" s="71"/>
      <c r="I22" s="71"/>
      <c r="J22" s="71"/>
      <c r="K22" s="71"/>
      <c r="L22" s="71"/>
      <c r="M22" s="71"/>
      <c r="N22" s="71"/>
      <c r="O22" s="71"/>
      <c r="P22" s="71"/>
      <c r="Q22" s="71"/>
      <c r="R22" s="71"/>
      <c r="S22" s="71"/>
      <c r="T22" s="71"/>
      <c r="U22" s="71"/>
      <c r="V22" s="71"/>
      <c r="W22" s="71"/>
      <c r="X22" s="71"/>
      <c r="Y22" s="71"/>
    </row>
    <row r="23" spans="2:25" ht="21" customHeight="1">
      <c r="B23" s="74"/>
      <c r="C23" s="345"/>
      <c r="D23" s="345"/>
      <c r="E23" s="71"/>
      <c r="F23" s="71"/>
      <c r="G23" s="71"/>
      <c r="H23" s="71"/>
      <c r="I23" s="71"/>
      <c r="J23" s="71"/>
      <c r="K23" s="71"/>
      <c r="L23" s="71"/>
      <c r="M23" s="71"/>
      <c r="N23" s="71"/>
      <c r="O23" s="71"/>
      <c r="P23" s="71"/>
      <c r="Q23" s="71"/>
      <c r="R23" s="71"/>
      <c r="S23" s="71"/>
      <c r="T23" s="71"/>
      <c r="U23" s="71"/>
      <c r="V23" s="71"/>
      <c r="W23" s="71"/>
      <c r="X23" s="71"/>
      <c r="Y23" s="71"/>
    </row>
    <row r="24" spans="2:25" ht="21" customHeight="1">
      <c r="B24" s="76"/>
      <c r="C24" s="356"/>
      <c r="D24" s="356"/>
      <c r="E24" s="77"/>
      <c r="F24" s="77"/>
      <c r="G24" s="77"/>
      <c r="H24" s="77"/>
      <c r="I24" s="77"/>
      <c r="J24" s="77"/>
      <c r="K24" s="77"/>
      <c r="L24" s="77"/>
      <c r="M24" s="77"/>
      <c r="N24" s="77"/>
      <c r="O24" s="77"/>
      <c r="P24" s="77"/>
      <c r="Q24" s="77"/>
      <c r="R24" s="77"/>
      <c r="S24" s="77"/>
      <c r="T24" s="77"/>
      <c r="U24" s="77"/>
      <c r="V24" s="77"/>
      <c r="W24" s="77"/>
      <c r="X24" s="77"/>
      <c r="Y24" s="77"/>
    </row>
    <row r="25" spans="2:25" ht="21" customHeight="1">
      <c r="B25" s="355" t="s">
        <v>130</v>
      </c>
      <c r="C25" s="355"/>
      <c r="D25" s="355"/>
      <c r="E25" s="31"/>
      <c r="F25" s="31"/>
      <c r="G25" s="31"/>
      <c r="H25" s="31"/>
      <c r="I25" s="31"/>
      <c r="J25" s="31"/>
      <c r="K25" s="31"/>
      <c r="L25" s="31"/>
      <c r="M25" s="31"/>
      <c r="N25" s="31"/>
      <c r="O25" s="31"/>
      <c r="P25" s="31"/>
      <c r="Q25" s="31"/>
      <c r="R25" s="31"/>
      <c r="S25" s="31"/>
      <c r="T25" s="31"/>
      <c r="U25" s="31"/>
      <c r="V25" s="31"/>
      <c r="W25" s="31"/>
      <c r="X25" s="31"/>
      <c r="Y25" s="31"/>
    </row>
    <row r="26" spans="2:25" ht="21" customHeight="1">
      <c r="B26" s="355" t="s">
        <v>131</v>
      </c>
      <c r="C26" s="355"/>
      <c r="D26" s="355"/>
      <c r="E26" s="31"/>
      <c r="F26" s="31"/>
      <c r="G26" s="31"/>
      <c r="H26" s="31"/>
      <c r="I26" s="31"/>
      <c r="J26" s="31"/>
      <c r="K26" s="31"/>
      <c r="L26" s="31"/>
      <c r="M26" s="31"/>
      <c r="N26" s="31"/>
      <c r="O26" s="31"/>
      <c r="P26" s="31"/>
      <c r="Q26" s="31"/>
      <c r="R26" s="31"/>
      <c r="S26" s="31"/>
      <c r="T26" s="31"/>
      <c r="U26" s="31"/>
      <c r="V26" s="31"/>
      <c r="W26" s="31"/>
      <c r="X26" s="31"/>
      <c r="Y26" s="31"/>
    </row>
    <row r="27" spans="2:25" ht="21" customHeight="1">
      <c r="B27" s="355" t="s">
        <v>132</v>
      </c>
      <c r="C27" s="355"/>
      <c r="D27" s="355"/>
      <c r="E27" s="31"/>
      <c r="F27" s="31"/>
      <c r="G27" s="31"/>
      <c r="H27" s="31"/>
      <c r="I27" s="31"/>
      <c r="J27" s="31"/>
      <c r="K27" s="31"/>
      <c r="L27" s="31"/>
      <c r="M27" s="31"/>
      <c r="N27" s="31"/>
      <c r="O27" s="31"/>
      <c r="P27" s="31"/>
      <c r="Q27" s="31"/>
      <c r="R27" s="31"/>
      <c r="S27" s="31"/>
      <c r="T27" s="31"/>
      <c r="U27" s="31"/>
      <c r="V27" s="31"/>
      <c r="W27" s="31"/>
      <c r="X27" s="31"/>
      <c r="Y27" s="31"/>
    </row>
    <row r="28" spans="2:25" ht="21" customHeight="1">
      <c r="B28" s="355" t="s">
        <v>133</v>
      </c>
      <c r="C28" s="355"/>
      <c r="D28" s="355"/>
      <c r="E28" s="31"/>
      <c r="F28" s="31"/>
      <c r="G28" s="31"/>
      <c r="H28" s="31"/>
      <c r="I28" s="31"/>
      <c r="J28" s="31"/>
      <c r="K28" s="31"/>
      <c r="L28" s="31"/>
      <c r="M28" s="31"/>
      <c r="N28" s="31"/>
      <c r="O28" s="31"/>
      <c r="P28" s="31"/>
      <c r="Q28" s="31"/>
      <c r="R28" s="31"/>
      <c r="S28" s="31"/>
      <c r="T28" s="31"/>
      <c r="U28" s="31"/>
      <c r="V28" s="31"/>
      <c r="W28" s="31"/>
      <c r="X28" s="31"/>
      <c r="Y28" s="31"/>
    </row>
    <row r="29" spans="2:25" ht="21" customHeight="1">
      <c r="B29" s="355" t="s">
        <v>134</v>
      </c>
      <c r="C29" s="355"/>
      <c r="D29" s="355"/>
      <c r="E29" s="31"/>
      <c r="F29" s="31"/>
      <c r="G29" s="31"/>
      <c r="H29" s="31"/>
      <c r="I29" s="31"/>
      <c r="J29" s="31"/>
      <c r="K29" s="31"/>
      <c r="L29" s="31"/>
      <c r="M29" s="31"/>
      <c r="N29" s="31"/>
      <c r="O29" s="31"/>
      <c r="P29" s="31"/>
      <c r="Q29" s="31"/>
      <c r="R29" s="31"/>
      <c r="S29" s="31"/>
      <c r="T29" s="31"/>
      <c r="U29" s="31"/>
      <c r="V29" s="31"/>
      <c r="W29" s="31"/>
      <c r="X29" s="31"/>
      <c r="Y29" s="31"/>
    </row>
    <row r="30" spans="2:25" ht="21" customHeight="1">
      <c r="B30" s="355" t="s">
        <v>135</v>
      </c>
      <c r="C30" s="355"/>
      <c r="D30" s="355"/>
      <c r="E30" s="31"/>
      <c r="F30" s="31"/>
      <c r="G30" s="31"/>
      <c r="H30" s="31"/>
      <c r="I30" s="31"/>
      <c r="J30" s="31"/>
      <c r="K30" s="31"/>
      <c r="L30" s="31"/>
      <c r="M30" s="31"/>
      <c r="N30" s="31"/>
      <c r="O30" s="31"/>
      <c r="P30" s="31"/>
      <c r="Q30" s="31"/>
      <c r="R30" s="31"/>
      <c r="S30" s="31"/>
      <c r="T30" s="31"/>
      <c r="U30" s="31"/>
      <c r="V30" s="31"/>
      <c r="W30" s="31"/>
      <c r="X30" s="31"/>
      <c r="Y30" s="31"/>
    </row>
    <row r="31" spans="2:25" ht="21" customHeight="1">
      <c r="B31" s="355" t="s">
        <v>136</v>
      </c>
      <c r="C31" s="355"/>
      <c r="D31" s="355"/>
      <c r="E31" s="31"/>
      <c r="F31" s="31"/>
      <c r="G31" s="31"/>
      <c r="H31" s="31"/>
      <c r="I31" s="31"/>
      <c r="J31" s="31"/>
      <c r="K31" s="31"/>
      <c r="L31" s="31"/>
      <c r="M31" s="31"/>
      <c r="N31" s="31"/>
      <c r="O31" s="31"/>
      <c r="P31" s="31"/>
      <c r="Q31" s="31"/>
      <c r="R31" s="31"/>
      <c r="S31" s="31"/>
      <c r="T31" s="31"/>
      <c r="U31" s="31"/>
      <c r="V31" s="31"/>
      <c r="W31" s="31"/>
      <c r="X31" s="31"/>
      <c r="Y31" s="31"/>
    </row>
    <row r="32" spans="2:25" ht="21" customHeight="1">
      <c r="B32" s="355" t="s">
        <v>137</v>
      </c>
      <c r="C32" s="355"/>
      <c r="D32" s="355"/>
      <c r="E32" s="31"/>
      <c r="F32" s="31"/>
      <c r="G32" s="31"/>
      <c r="H32" s="31"/>
      <c r="I32" s="31"/>
      <c r="J32" s="31"/>
      <c r="K32" s="31"/>
      <c r="L32" s="31"/>
      <c r="M32" s="31"/>
      <c r="N32" s="31"/>
      <c r="O32" s="31"/>
      <c r="P32" s="31"/>
      <c r="Q32" s="31"/>
      <c r="R32" s="31"/>
      <c r="S32" s="31"/>
      <c r="T32" s="31"/>
      <c r="U32" s="31"/>
      <c r="V32" s="31"/>
      <c r="W32" s="31"/>
      <c r="X32" s="31"/>
      <c r="Y32" s="31"/>
    </row>
    <row r="33" spans="2:25" ht="21" customHeight="1">
      <c r="B33" s="355" t="s">
        <v>138</v>
      </c>
      <c r="C33" s="355"/>
      <c r="D33" s="355"/>
      <c r="E33" s="31"/>
      <c r="F33" s="31"/>
      <c r="G33" s="31"/>
      <c r="H33" s="31"/>
      <c r="I33" s="31"/>
      <c r="J33" s="31"/>
      <c r="K33" s="31"/>
      <c r="L33" s="31"/>
      <c r="M33" s="31"/>
      <c r="N33" s="31"/>
      <c r="O33" s="31"/>
      <c r="P33" s="31"/>
      <c r="Q33" s="31"/>
      <c r="R33" s="31"/>
      <c r="S33" s="31"/>
      <c r="T33" s="31"/>
      <c r="U33" s="31"/>
      <c r="V33" s="31"/>
      <c r="W33" s="31"/>
      <c r="X33" s="31"/>
      <c r="Y33" s="31"/>
    </row>
    <row r="34" spans="2:25" ht="21" customHeight="1">
      <c r="B34" s="355" t="s">
        <v>139</v>
      </c>
      <c r="C34" s="355"/>
      <c r="D34" s="355"/>
      <c r="E34" s="31"/>
      <c r="F34" s="31"/>
      <c r="G34" s="31"/>
      <c r="H34" s="31"/>
      <c r="I34" s="31"/>
      <c r="J34" s="31"/>
      <c r="K34" s="31"/>
      <c r="L34" s="31"/>
      <c r="M34" s="31"/>
      <c r="N34" s="31"/>
      <c r="O34" s="31"/>
      <c r="P34" s="31"/>
      <c r="Q34" s="31"/>
      <c r="R34" s="31"/>
      <c r="S34" s="31"/>
      <c r="T34" s="31"/>
      <c r="U34" s="31"/>
      <c r="V34" s="31"/>
      <c r="W34" s="31"/>
      <c r="X34" s="31"/>
      <c r="Y34" s="31"/>
    </row>
    <row r="35" spans="2:25" ht="21" customHeight="1">
      <c r="B35" s="78"/>
      <c r="C35" s="25" t="s">
        <v>68</v>
      </c>
      <c r="D35" s="78"/>
      <c r="E35" s="79"/>
      <c r="F35" s="79"/>
      <c r="G35" s="79"/>
      <c r="H35" s="79"/>
      <c r="I35" s="79"/>
      <c r="J35" s="79"/>
      <c r="K35" s="79"/>
      <c r="L35" s="79"/>
      <c r="M35" s="79"/>
      <c r="N35" s="79"/>
      <c r="O35" s="79"/>
      <c r="P35" s="79"/>
      <c r="Q35" s="79"/>
      <c r="R35" s="79"/>
      <c r="S35" s="79"/>
      <c r="T35" s="79"/>
      <c r="U35" s="79"/>
      <c r="V35" s="79"/>
      <c r="W35" s="79"/>
      <c r="X35" s="79"/>
      <c r="Y35" s="79"/>
    </row>
    <row r="36" spans="2:25" ht="21" customHeight="1">
      <c r="C36" s="25"/>
    </row>
    <row r="37" spans="2:25" ht="21" customHeight="1"/>
  </sheetData>
  <sheetProtection selectLockedCells="1" selectUnlockedCells="1"/>
  <mergeCells count="32">
    <mergeCell ref="B27:D27"/>
    <mergeCell ref="B28:D28"/>
    <mergeCell ref="B33:D33"/>
    <mergeCell ref="B34:D34"/>
    <mergeCell ref="B29:D29"/>
    <mergeCell ref="B30:D30"/>
    <mergeCell ref="B31:D31"/>
    <mergeCell ref="B32:D32"/>
    <mergeCell ref="B26:D26"/>
    <mergeCell ref="C15:D15"/>
    <mergeCell ref="C16:D16"/>
    <mergeCell ref="C17:D17"/>
    <mergeCell ref="C18:D18"/>
    <mergeCell ref="C19:D19"/>
    <mergeCell ref="C20:D20"/>
    <mergeCell ref="C21:D21"/>
    <mergeCell ref="C22:D22"/>
    <mergeCell ref="C23:D23"/>
    <mergeCell ref="C24:D24"/>
    <mergeCell ref="B25:D25"/>
    <mergeCell ref="C14:D14"/>
    <mergeCell ref="B3:D4"/>
    <mergeCell ref="E3:Y3"/>
    <mergeCell ref="B5:D5"/>
    <mergeCell ref="C6:D6"/>
    <mergeCell ref="C7:D7"/>
    <mergeCell ref="C8:D8"/>
    <mergeCell ref="B9:D9"/>
    <mergeCell ref="C10:D10"/>
    <mergeCell ref="C11:D11"/>
    <mergeCell ref="C12:D12"/>
    <mergeCell ref="C13:D13"/>
  </mergeCells>
  <phoneticPr fontId="27"/>
  <printOptions horizontalCentered="1"/>
  <pageMargins left="0.78740157480314965" right="0.59055118110236227" top="0.78740157480314965" bottom="0.59055118110236227" header="0.51181102362204722" footer="0.51181102362204722"/>
  <pageSetup paperSize="8" scale="83" firstPageNumber="0" orientation="landscape" horizontalDpi="300" verticalDpi="300"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L41"/>
  <sheetViews>
    <sheetView view="pageBreakPreview" zoomScaleNormal="100" zoomScaleSheetLayoutView="100" workbookViewId="0">
      <selection activeCell="E2" sqref="E2"/>
    </sheetView>
  </sheetViews>
  <sheetFormatPr defaultRowHeight="15" customHeight="1"/>
  <cols>
    <col min="1" max="3" width="2.25" style="30" customWidth="1"/>
    <col min="4" max="4" width="20.625" style="30" customWidth="1"/>
    <col min="5" max="37" width="3.625" style="30" customWidth="1"/>
    <col min="38" max="38" width="19.75" style="30" customWidth="1"/>
    <col min="39" max="16384" width="9" style="30"/>
  </cols>
  <sheetData>
    <row r="1" spans="1:38" s="5" customFormat="1" ht="18.600000000000001" customHeight="1">
      <c r="A1" s="26" t="s">
        <v>304</v>
      </c>
      <c r="B1" s="6"/>
      <c r="C1" s="6"/>
    </row>
    <row r="2" spans="1:38" s="5" customFormat="1" ht="26.45" customHeight="1">
      <c r="A2" s="248" t="s">
        <v>145</v>
      </c>
      <c r="B2" s="80"/>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row>
    <row r="3" spans="1:38" ht="21" customHeight="1" thickBot="1">
      <c r="B3" s="365" t="s">
        <v>146</v>
      </c>
      <c r="C3" s="366"/>
      <c r="D3" s="367"/>
      <c r="E3" s="361" t="s">
        <v>305</v>
      </c>
      <c r="F3" s="361"/>
      <c r="G3" s="361"/>
      <c r="H3" s="361"/>
      <c r="I3" s="361"/>
      <c r="J3" s="361"/>
      <c r="K3" s="361"/>
      <c r="L3" s="361"/>
      <c r="M3" s="362"/>
      <c r="N3" s="360" t="s">
        <v>181</v>
      </c>
      <c r="O3" s="361"/>
      <c r="P3" s="361"/>
      <c r="Q3" s="361"/>
      <c r="R3" s="361"/>
      <c r="S3" s="361"/>
      <c r="T3" s="361"/>
      <c r="U3" s="361"/>
      <c r="V3" s="361"/>
      <c r="W3" s="361"/>
      <c r="X3" s="361"/>
      <c r="Y3" s="362"/>
      <c r="Z3" s="360" t="s">
        <v>182</v>
      </c>
      <c r="AA3" s="361"/>
      <c r="AB3" s="361"/>
      <c r="AC3" s="361"/>
      <c r="AD3" s="361"/>
      <c r="AE3" s="361"/>
      <c r="AF3" s="361"/>
      <c r="AG3" s="361"/>
      <c r="AH3" s="361"/>
      <c r="AI3" s="361"/>
      <c r="AJ3" s="361"/>
      <c r="AK3" s="362"/>
      <c r="AL3" s="363" t="s">
        <v>160</v>
      </c>
    </row>
    <row r="4" spans="1:38" ht="21" customHeight="1" thickTop="1" thickBot="1">
      <c r="B4" s="368"/>
      <c r="C4" s="346"/>
      <c r="D4" s="369"/>
      <c r="E4" s="103" t="s">
        <v>150</v>
      </c>
      <c r="F4" s="103" t="s">
        <v>151</v>
      </c>
      <c r="G4" s="103" t="s">
        <v>152</v>
      </c>
      <c r="H4" s="103" t="s">
        <v>153</v>
      </c>
      <c r="I4" s="103" t="s">
        <v>154</v>
      </c>
      <c r="J4" s="103" t="s">
        <v>155</v>
      </c>
      <c r="K4" s="103" t="s">
        <v>156</v>
      </c>
      <c r="L4" s="103" t="s">
        <v>157</v>
      </c>
      <c r="M4" s="104" t="s">
        <v>158</v>
      </c>
      <c r="N4" s="102" t="s">
        <v>147</v>
      </c>
      <c r="O4" s="103" t="s">
        <v>148</v>
      </c>
      <c r="P4" s="103" t="s">
        <v>149</v>
      </c>
      <c r="Q4" s="103" t="s">
        <v>150</v>
      </c>
      <c r="R4" s="103" t="s">
        <v>151</v>
      </c>
      <c r="S4" s="103" t="s">
        <v>152</v>
      </c>
      <c r="T4" s="103" t="s">
        <v>153</v>
      </c>
      <c r="U4" s="103" t="s">
        <v>154</v>
      </c>
      <c r="V4" s="103" t="s">
        <v>155</v>
      </c>
      <c r="W4" s="103" t="s">
        <v>156</v>
      </c>
      <c r="X4" s="103" t="s">
        <v>157</v>
      </c>
      <c r="Y4" s="104" t="s">
        <v>158</v>
      </c>
      <c r="Z4" s="102" t="s">
        <v>147</v>
      </c>
      <c r="AA4" s="103" t="s">
        <v>148</v>
      </c>
      <c r="AB4" s="103" t="s">
        <v>149</v>
      </c>
      <c r="AC4" s="103" t="s">
        <v>150</v>
      </c>
      <c r="AD4" s="103" t="s">
        <v>151</v>
      </c>
      <c r="AE4" s="103" t="s">
        <v>152</v>
      </c>
      <c r="AF4" s="103" t="s">
        <v>153</v>
      </c>
      <c r="AG4" s="103" t="s">
        <v>154</v>
      </c>
      <c r="AH4" s="103" t="s">
        <v>155</v>
      </c>
      <c r="AI4" s="103" t="s">
        <v>156</v>
      </c>
      <c r="AJ4" s="103" t="s">
        <v>157</v>
      </c>
      <c r="AK4" s="104" t="s">
        <v>158</v>
      </c>
      <c r="AL4" s="364"/>
    </row>
    <row r="5" spans="1:38" ht="21" customHeight="1" thickTop="1">
      <c r="B5" s="357"/>
      <c r="C5" s="355"/>
      <c r="D5" s="355"/>
      <c r="E5" s="106"/>
      <c r="F5" s="106"/>
      <c r="G5" s="106"/>
      <c r="H5" s="106"/>
      <c r="I5" s="106"/>
      <c r="J5" s="106"/>
      <c r="K5" s="106"/>
      <c r="L5" s="106"/>
      <c r="M5" s="107"/>
      <c r="N5" s="105"/>
      <c r="O5" s="106"/>
      <c r="P5" s="106"/>
      <c r="Q5" s="106"/>
      <c r="R5" s="106"/>
      <c r="S5" s="106"/>
      <c r="T5" s="106"/>
      <c r="U5" s="106"/>
      <c r="V5" s="106"/>
      <c r="W5" s="106"/>
      <c r="X5" s="106"/>
      <c r="Y5" s="107"/>
      <c r="Z5" s="105"/>
      <c r="AA5" s="106"/>
      <c r="AB5" s="106"/>
      <c r="AC5" s="106"/>
      <c r="AD5" s="106"/>
      <c r="AE5" s="106"/>
      <c r="AF5" s="106"/>
      <c r="AG5" s="106"/>
      <c r="AH5" s="106"/>
      <c r="AI5" s="106"/>
      <c r="AJ5" s="106"/>
      <c r="AK5" s="107"/>
      <c r="AL5" s="100"/>
    </row>
    <row r="6" spans="1:38" ht="21" customHeight="1">
      <c r="B6" s="357"/>
      <c r="C6" s="355"/>
      <c r="D6" s="355"/>
      <c r="E6" s="106"/>
      <c r="F6" s="106"/>
      <c r="G6" s="106"/>
      <c r="H6" s="106"/>
      <c r="I6" s="106"/>
      <c r="J6" s="106"/>
      <c r="K6" s="106"/>
      <c r="L6" s="106"/>
      <c r="M6" s="107"/>
      <c r="N6" s="105"/>
      <c r="O6" s="106"/>
      <c r="P6" s="106"/>
      <c r="Q6" s="106"/>
      <c r="R6" s="106"/>
      <c r="S6" s="106"/>
      <c r="T6" s="106"/>
      <c r="U6" s="106"/>
      <c r="V6" s="106"/>
      <c r="W6" s="106"/>
      <c r="X6" s="106"/>
      <c r="Y6" s="107"/>
      <c r="Z6" s="105"/>
      <c r="AA6" s="106"/>
      <c r="AB6" s="106"/>
      <c r="AC6" s="106"/>
      <c r="AD6" s="106"/>
      <c r="AE6" s="106"/>
      <c r="AF6" s="106"/>
      <c r="AG6" s="106"/>
      <c r="AH6" s="106"/>
      <c r="AI6" s="106"/>
      <c r="AJ6" s="106"/>
      <c r="AK6" s="107"/>
      <c r="AL6" s="100"/>
    </row>
    <row r="7" spans="1:38" ht="21" customHeight="1">
      <c r="B7" s="357"/>
      <c r="C7" s="355"/>
      <c r="D7" s="355"/>
      <c r="E7" s="106"/>
      <c r="F7" s="106"/>
      <c r="G7" s="106"/>
      <c r="H7" s="106"/>
      <c r="I7" s="106"/>
      <c r="J7" s="106"/>
      <c r="K7" s="106"/>
      <c r="L7" s="106"/>
      <c r="M7" s="107"/>
      <c r="N7" s="105"/>
      <c r="O7" s="106"/>
      <c r="P7" s="106"/>
      <c r="Q7" s="106"/>
      <c r="R7" s="106"/>
      <c r="S7" s="106"/>
      <c r="T7" s="106"/>
      <c r="U7" s="106"/>
      <c r="V7" s="106"/>
      <c r="W7" s="106"/>
      <c r="X7" s="106"/>
      <c r="Y7" s="107"/>
      <c r="Z7" s="105"/>
      <c r="AA7" s="106"/>
      <c r="AB7" s="106"/>
      <c r="AC7" s="106"/>
      <c r="AD7" s="106"/>
      <c r="AE7" s="106"/>
      <c r="AF7" s="106"/>
      <c r="AG7" s="106"/>
      <c r="AH7" s="106"/>
      <c r="AI7" s="106"/>
      <c r="AJ7" s="106"/>
      <c r="AK7" s="107"/>
      <c r="AL7" s="100"/>
    </row>
    <row r="8" spans="1:38" ht="21" customHeight="1">
      <c r="B8" s="357"/>
      <c r="C8" s="355"/>
      <c r="D8" s="355"/>
      <c r="E8" s="106"/>
      <c r="F8" s="106"/>
      <c r="G8" s="106"/>
      <c r="H8" s="106"/>
      <c r="I8" s="106"/>
      <c r="J8" s="106"/>
      <c r="K8" s="106"/>
      <c r="L8" s="106"/>
      <c r="M8" s="107"/>
      <c r="N8" s="105"/>
      <c r="O8" s="106"/>
      <c r="P8" s="106"/>
      <c r="Q8" s="106"/>
      <c r="R8" s="106"/>
      <c r="S8" s="106"/>
      <c r="T8" s="106"/>
      <c r="U8" s="106"/>
      <c r="V8" s="106"/>
      <c r="W8" s="106"/>
      <c r="X8" s="106"/>
      <c r="Y8" s="107"/>
      <c r="Z8" s="105"/>
      <c r="AA8" s="106"/>
      <c r="AB8" s="106"/>
      <c r="AC8" s="106"/>
      <c r="AD8" s="106"/>
      <c r="AE8" s="106"/>
      <c r="AF8" s="106"/>
      <c r="AG8" s="106"/>
      <c r="AH8" s="106"/>
      <c r="AI8" s="106"/>
      <c r="AJ8" s="106"/>
      <c r="AK8" s="107"/>
      <c r="AL8" s="100"/>
    </row>
    <row r="9" spans="1:38" ht="21" customHeight="1">
      <c r="B9" s="357"/>
      <c r="C9" s="355"/>
      <c r="D9" s="355"/>
      <c r="E9" s="106"/>
      <c r="F9" s="106"/>
      <c r="G9" s="106"/>
      <c r="H9" s="106"/>
      <c r="I9" s="106"/>
      <c r="J9" s="106"/>
      <c r="K9" s="106"/>
      <c r="L9" s="106"/>
      <c r="M9" s="107"/>
      <c r="N9" s="105"/>
      <c r="O9" s="106"/>
      <c r="P9" s="106"/>
      <c r="Q9" s="106"/>
      <c r="R9" s="106"/>
      <c r="S9" s="106"/>
      <c r="T9" s="106"/>
      <c r="U9" s="106"/>
      <c r="V9" s="106"/>
      <c r="W9" s="106"/>
      <c r="X9" s="106"/>
      <c r="Y9" s="107"/>
      <c r="Z9" s="105"/>
      <c r="AA9" s="106"/>
      <c r="AB9" s="106"/>
      <c r="AC9" s="106"/>
      <c r="AD9" s="106"/>
      <c r="AE9" s="106"/>
      <c r="AF9" s="106"/>
      <c r="AG9" s="106"/>
      <c r="AH9" s="106"/>
      <c r="AI9" s="106"/>
      <c r="AJ9" s="106"/>
      <c r="AK9" s="107"/>
      <c r="AL9" s="100"/>
    </row>
    <row r="10" spans="1:38" ht="21" customHeight="1">
      <c r="B10" s="357"/>
      <c r="C10" s="355"/>
      <c r="D10" s="355"/>
      <c r="E10" s="106"/>
      <c r="F10" s="106"/>
      <c r="G10" s="106"/>
      <c r="H10" s="106"/>
      <c r="I10" s="106"/>
      <c r="J10" s="106"/>
      <c r="K10" s="106"/>
      <c r="L10" s="106"/>
      <c r="M10" s="107"/>
      <c r="N10" s="105"/>
      <c r="O10" s="106"/>
      <c r="P10" s="106"/>
      <c r="Q10" s="106"/>
      <c r="R10" s="106"/>
      <c r="S10" s="106"/>
      <c r="T10" s="106"/>
      <c r="U10" s="106"/>
      <c r="V10" s="106"/>
      <c r="W10" s="106"/>
      <c r="X10" s="106"/>
      <c r="Y10" s="107"/>
      <c r="Z10" s="105"/>
      <c r="AA10" s="106"/>
      <c r="AB10" s="106"/>
      <c r="AC10" s="106"/>
      <c r="AD10" s="106"/>
      <c r="AE10" s="106"/>
      <c r="AF10" s="106"/>
      <c r="AG10" s="106"/>
      <c r="AH10" s="106"/>
      <c r="AI10" s="106"/>
      <c r="AJ10" s="106"/>
      <c r="AK10" s="107"/>
      <c r="AL10" s="100"/>
    </row>
    <row r="11" spans="1:38" ht="21" customHeight="1">
      <c r="B11" s="357"/>
      <c r="C11" s="355"/>
      <c r="D11" s="355"/>
      <c r="E11" s="106"/>
      <c r="F11" s="106"/>
      <c r="G11" s="106"/>
      <c r="H11" s="106"/>
      <c r="I11" s="106"/>
      <c r="J11" s="106"/>
      <c r="K11" s="106"/>
      <c r="L11" s="106"/>
      <c r="M11" s="107"/>
      <c r="N11" s="105"/>
      <c r="O11" s="106"/>
      <c r="P11" s="106"/>
      <c r="Q11" s="106"/>
      <c r="R11" s="106"/>
      <c r="S11" s="106"/>
      <c r="T11" s="106"/>
      <c r="U11" s="106"/>
      <c r="V11" s="106"/>
      <c r="W11" s="106"/>
      <c r="X11" s="106"/>
      <c r="Y11" s="107"/>
      <c r="Z11" s="105"/>
      <c r="AA11" s="106"/>
      <c r="AB11" s="106"/>
      <c r="AC11" s="106"/>
      <c r="AD11" s="106"/>
      <c r="AE11" s="106"/>
      <c r="AF11" s="106"/>
      <c r="AG11" s="106"/>
      <c r="AH11" s="106"/>
      <c r="AI11" s="106"/>
      <c r="AJ11" s="106"/>
      <c r="AK11" s="107"/>
      <c r="AL11" s="100"/>
    </row>
    <row r="12" spans="1:38" ht="21" customHeight="1">
      <c r="B12" s="357"/>
      <c r="C12" s="355"/>
      <c r="D12" s="355"/>
      <c r="E12" s="106"/>
      <c r="F12" s="106"/>
      <c r="G12" s="106"/>
      <c r="H12" s="106"/>
      <c r="I12" s="106"/>
      <c r="J12" s="106"/>
      <c r="K12" s="106"/>
      <c r="L12" s="106"/>
      <c r="M12" s="107"/>
      <c r="N12" s="105"/>
      <c r="O12" s="106"/>
      <c r="P12" s="106"/>
      <c r="Q12" s="106"/>
      <c r="R12" s="106"/>
      <c r="S12" s="106"/>
      <c r="T12" s="106"/>
      <c r="U12" s="106"/>
      <c r="V12" s="106"/>
      <c r="W12" s="106"/>
      <c r="X12" s="106"/>
      <c r="Y12" s="107"/>
      <c r="Z12" s="105"/>
      <c r="AA12" s="106"/>
      <c r="AB12" s="106"/>
      <c r="AC12" s="106"/>
      <c r="AD12" s="106"/>
      <c r="AE12" s="106"/>
      <c r="AF12" s="106"/>
      <c r="AG12" s="106"/>
      <c r="AH12" s="106"/>
      <c r="AI12" s="106"/>
      <c r="AJ12" s="106"/>
      <c r="AK12" s="107"/>
      <c r="AL12" s="100"/>
    </row>
    <row r="13" spans="1:38" ht="21" customHeight="1">
      <c r="B13" s="357"/>
      <c r="C13" s="355"/>
      <c r="D13" s="355"/>
      <c r="E13" s="106"/>
      <c r="F13" s="106"/>
      <c r="G13" s="106"/>
      <c r="H13" s="106"/>
      <c r="I13" s="106"/>
      <c r="J13" s="106"/>
      <c r="K13" s="106"/>
      <c r="L13" s="106"/>
      <c r="M13" s="107"/>
      <c r="N13" s="105"/>
      <c r="O13" s="106"/>
      <c r="P13" s="106"/>
      <c r="Q13" s="106"/>
      <c r="R13" s="106"/>
      <c r="S13" s="106"/>
      <c r="T13" s="106"/>
      <c r="U13" s="106"/>
      <c r="V13" s="106"/>
      <c r="W13" s="106"/>
      <c r="X13" s="106"/>
      <c r="Y13" s="107"/>
      <c r="Z13" s="105"/>
      <c r="AA13" s="106"/>
      <c r="AB13" s="106"/>
      <c r="AC13" s="106"/>
      <c r="AD13" s="106"/>
      <c r="AE13" s="106"/>
      <c r="AF13" s="106"/>
      <c r="AG13" s="106"/>
      <c r="AH13" s="106"/>
      <c r="AI13" s="106"/>
      <c r="AJ13" s="106"/>
      <c r="AK13" s="107"/>
      <c r="AL13" s="100"/>
    </row>
    <row r="14" spans="1:38" ht="21" customHeight="1">
      <c r="B14" s="358"/>
      <c r="C14" s="359"/>
      <c r="D14" s="359"/>
      <c r="E14" s="109"/>
      <c r="F14" s="109"/>
      <c r="G14" s="109"/>
      <c r="H14" s="109"/>
      <c r="I14" s="109"/>
      <c r="J14" s="109"/>
      <c r="K14" s="109"/>
      <c r="L14" s="109"/>
      <c r="M14" s="110"/>
      <c r="N14" s="108"/>
      <c r="O14" s="109"/>
      <c r="P14" s="109"/>
      <c r="Q14" s="109"/>
      <c r="R14" s="109"/>
      <c r="S14" s="109"/>
      <c r="T14" s="109"/>
      <c r="U14" s="109"/>
      <c r="V14" s="109"/>
      <c r="W14" s="109"/>
      <c r="X14" s="109"/>
      <c r="Y14" s="110"/>
      <c r="Z14" s="108"/>
      <c r="AA14" s="109"/>
      <c r="AB14" s="109"/>
      <c r="AC14" s="109"/>
      <c r="AD14" s="109"/>
      <c r="AE14" s="109"/>
      <c r="AF14" s="109"/>
      <c r="AG14" s="109"/>
      <c r="AH14" s="109"/>
      <c r="AI14" s="109"/>
      <c r="AJ14" s="109"/>
      <c r="AK14" s="110"/>
      <c r="AL14" s="101"/>
    </row>
    <row r="15" spans="1:38" ht="21" customHeight="1">
      <c r="B15" s="357"/>
      <c r="C15" s="355"/>
      <c r="D15" s="355"/>
      <c r="E15" s="106"/>
      <c r="F15" s="106"/>
      <c r="G15" s="106"/>
      <c r="H15" s="106"/>
      <c r="I15" s="106"/>
      <c r="J15" s="106"/>
      <c r="K15" s="106"/>
      <c r="L15" s="106"/>
      <c r="M15" s="107"/>
      <c r="N15" s="105"/>
      <c r="O15" s="106"/>
      <c r="P15" s="106"/>
      <c r="Q15" s="106"/>
      <c r="R15" s="106"/>
      <c r="S15" s="106"/>
      <c r="T15" s="106"/>
      <c r="U15" s="106"/>
      <c r="V15" s="106"/>
      <c r="W15" s="106"/>
      <c r="X15" s="106"/>
      <c r="Y15" s="107"/>
      <c r="Z15" s="105"/>
      <c r="AA15" s="106"/>
      <c r="AB15" s="106"/>
      <c r="AC15" s="106"/>
      <c r="AD15" s="106"/>
      <c r="AE15" s="106"/>
      <c r="AF15" s="106"/>
      <c r="AG15" s="106"/>
      <c r="AH15" s="106"/>
      <c r="AI15" s="106"/>
      <c r="AJ15" s="106"/>
      <c r="AK15" s="107"/>
      <c r="AL15" s="100"/>
    </row>
    <row r="16" spans="1:38" ht="21" customHeight="1">
      <c r="B16" s="357"/>
      <c r="C16" s="355"/>
      <c r="D16" s="355"/>
      <c r="E16" s="106"/>
      <c r="F16" s="106"/>
      <c r="G16" s="106"/>
      <c r="H16" s="106"/>
      <c r="I16" s="106"/>
      <c r="J16" s="106"/>
      <c r="K16" s="106"/>
      <c r="L16" s="106"/>
      <c r="M16" s="107"/>
      <c r="N16" s="105"/>
      <c r="O16" s="106"/>
      <c r="P16" s="106"/>
      <c r="Q16" s="106"/>
      <c r="R16" s="106"/>
      <c r="S16" s="106"/>
      <c r="T16" s="106"/>
      <c r="U16" s="106"/>
      <c r="V16" s="106"/>
      <c r="W16" s="106"/>
      <c r="X16" s="106"/>
      <c r="Y16" s="107"/>
      <c r="Z16" s="105"/>
      <c r="AA16" s="106"/>
      <c r="AB16" s="106"/>
      <c r="AC16" s="106"/>
      <c r="AD16" s="106"/>
      <c r="AE16" s="106"/>
      <c r="AF16" s="106"/>
      <c r="AG16" s="106"/>
      <c r="AH16" s="106"/>
      <c r="AI16" s="106"/>
      <c r="AJ16" s="106"/>
      <c r="AK16" s="107"/>
      <c r="AL16" s="100"/>
    </row>
    <row r="17" spans="2:38" ht="21" customHeight="1">
      <c r="B17" s="357"/>
      <c r="C17" s="355"/>
      <c r="D17" s="355"/>
      <c r="E17" s="106"/>
      <c r="F17" s="106"/>
      <c r="G17" s="106"/>
      <c r="H17" s="106"/>
      <c r="I17" s="106"/>
      <c r="J17" s="106"/>
      <c r="K17" s="106"/>
      <c r="L17" s="106"/>
      <c r="M17" s="107"/>
      <c r="N17" s="105"/>
      <c r="O17" s="106"/>
      <c r="P17" s="106"/>
      <c r="Q17" s="106"/>
      <c r="R17" s="106"/>
      <c r="S17" s="106"/>
      <c r="T17" s="106"/>
      <c r="U17" s="106"/>
      <c r="V17" s="106"/>
      <c r="W17" s="106"/>
      <c r="X17" s="106"/>
      <c r="Y17" s="107"/>
      <c r="Z17" s="105"/>
      <c r="AA17" s="106"/>
      <c r="AB17" s="106"/>
      <c r="AC17" s="106"/>
      <c r="AD17" s="106"/>
      <c r="AE17" s="106"/>
      <c r="AF17" s="106"/>
      <c r="AG17" s="106"/>
      <c r="AH17" s="106"/>
      <c r="AI17" s="106"/>
      <c r="AJ17" s="106"/>
      <c r="AK17" s="107"/>
      <c r="AL17" s="100"/>
    </row>
    <row r="18" spans="2:38" ht="21" customHeight="1">
      <c r="B18" s="357"/>
      <c r="C18" s="355"/>
      <c r="D18" s="355"/>
      <c r="E18" s="106"/>
      <c r="F18" s="106"/>
      <c r="G18" s="106"/>
      <c r="H18" s="106"/>
      <c r="I18" s="106"/>
      <c r="J18" s="106"/>
      <c r="K18" s="106"/>
      <c r="L18" s="106"/>
      <c r="M18" s="107"/>
      <c r="N18" s="105"/>
      <c r="O18" s="106"/>
      <c r="P18" s="106"/>
      <c r="Q18" s="106"/>
      <c r="R18" s="106"/>
      <c r="S18" s="106"/>
      <c r="T18" s="106"/>
      <c r="U18" s="106"/>
      <c r="V18" s="106"/>
      <c r="W18" s="106"/>
      <c r="X18" s="106"/>
      <c r="Y18" s="107"/>
      <c r="Z18" s="105"/>
      <c r="AA18" s="106"/>
      <c r="AB18" s="106"/>
      <c r="AC18" s="106"/>
      <c r="AD18" s="106"/>
      <c r="AE18" s="106"/>
      <c r="AF18" s="106"/>
      <c r="AG18" s="106"/>
      <c r="AH18" s="106"/>
      <c r="AI18" s="106"/>
      <c r="AJ18" s="106"/>
      <c r="AK18" s="107"/>
      <c r="AL18" s="100"/>
    </row>
    <row r="19" spans="2:38" ht="21" customHeight="1">
      <c r="B19" s="357"/>
      <c r="C19" s="355"/>
      <c r="D19" s="355"/>
      <c r="E19" s="106"/>
      <c r="F19" s="106"/>
      <c r="G19" s="106"/>
      <c r="H19" s="106"/>
      <c r="I19" s="106"/>
      <c r="J19" s="106"/>
      <c r="K19" s="106"/>
      <c r="L19" s="106"/>
      <c r="M19" s="107"/>
      <c r="N19" s="105"/>
      <c r="O19" s="106"/>
      <c r="P19" s="106"/>
      <c r="Q19" s="106"/>
      <c r="R19" s="106"/>
      <c r="S19" s="106"/>
      <c r="T19" s="106"/>
      <c r="U19" s="106"/>
      <c r="V19" s="106"/>
      <c r="W19" s="106"/>
      <c r="X19" s="106"/>
      <c r="Y19" s="107"/>
      <c r="Z19" s="105"/>
      <c r="AA19" s="106"/>
      <c r="AB19" s="106"/>
      <c r="AC19" s="106"/>
      <c r="AD19" s="106"/>
      <c r="AE19" s="106"/>
      <c r="AF19" s="106"/>
      <c r="AG19" s="106"/>
      <c r="AH19" s="106"/>
      <c r="AI19" s="106"/>
      <c r="AJ19" s="106"/>
      <c r="AK19" s="107"/>
      <c r="AL19" s="100"/>
    </row>
    <row r="20" spans="2:38" ht="21" customHeight="1">
      <c r="B20" s="357"/>
      <c r="C20" s="355"/>
      <c r="D20" s="355"/>
      <c r="E20" s="106"/>
      <c r="F20" s="106"/>
      <c r="G20" s="106"/>
      <c r="H20" s="106"/>
      <c r="I20" s="106"/>
      <c r="J20" s="106"/>
      <c r="K20" s="106"/>
      <c r="L20" s="106"/>
      <c r="M20" s="107"/>
      <c r="N20" s="105"/>
      <c r="O20" s="106"/>
      <c r="P20" s="106"/>
      <c r="Q20" s="106"/>
      <c r="R20" s="106"/>
      <c r="S20" s="106"/>
      <c r="T20" s="106"/>
      <c r="U20" s="106"/>
      <c r="V20" s="106"/>
      <c r="W20" s="106"/>
      <c r="X20" s="106"/>
      <c r="Y20" s="107"/>
      <c r="Z20" s="105"/>
      <c r="AA20" s="106"/>
      <c r="AB20" s="106"/>
      <c r="AC20" s="106"/>
      <c r="AD20" s="106"/>
      <c r="AE20" s="106"/>
      <c r="AF20" s="106"/>
      <c r="AG20" s="106"/>
      <c r="AH20" s="106"/>
      <c r="AI20" s="106"/>
      <c r="AJ20" s="106"/>
      <c r="AK20" s="107"/>
      <c r="AL20" s="100"/>
    </row>
    <row r="21" spans="2:38" ht="21" customHeight="1">
      <c r="B21" s="357"/>
      <c r="C21" s="355"/>
      <c r="D21" s="355"/>
      <c r="E21" s="106"/>
      <c r="F21" s="106"/>
      <c r="G21" s="106"/>
      <c r="H21" s="106"/>
      <c r="I21" s="106"/>
      <c r="J21" s="106"/>
      <c r="K21" s="106"/>
      <c r="L21" s="106"/>
      <c r="M21" s="107"/>
      <c r="N21" s="105"/>
      <c r="O21" s="106"/>
      <c r="P21" s="106"/>
      <c r="Q21" s="106"/>
      <c r="R21" s="106"/>
      <c r="S21" s="106"/>
      <c r="T21" s="106"/>
      <c r="U21" s="106"/>
      <c r="V21" s="106"/>
      <c r="W21" s="106"/>
      <c r="X21" s="106"/>
      <c r="Y21" s="107"/>
      <c r="Z21" s="105"/>
      <c r="AA21" s="106"/>
      <c r="AB21" s="106"/>
      <c r="AC21" s="106"/>
      <c r="AD21" s="106"/>
      <c r="AE21" s="106"/>
      <c r="AF21" s="106"/>
      <c r="AG21" s="106"/>
      <c r="AH21" s="106"/>
      <c r="AI21" s="106"/>
      <c r="AJ21" s="106"/>
      <c r="AK21" s="107"/>
      <c r="AL21" s="100"/>
    </row>
    <row r="22" spans="2:38" ht="21" customHeight="1">
      <c r="B22" s="357"/>
      <c r="C22" s="355"/>
      <c r="D22" s="355"/>
      <c r="E22" s="106"/>
      <c r="F22" s="106"/>
      <c r="G22" s="106"/>
      <c r="H22" s="106"/>
      <c r="I22" s="106"/>
      <c r="J22" s="106"/>
      <c r="K22" s="106"/>
      <c r="L22" s="106"/>
      <c r="M22" s="107"/>
      <c r="N22" s="105"/>
      <c r="O22" s="106"/>
      <c r="P22" s="106"/>
      <c r="Q22" s="106"/>
      <c r="R22" s="106"/>
      <c r="S22" s="106"/>
      <c r="T22" s="106"/>
      <c r="U22" s="106"/>
      <c r="V22" s="106"/>
      <c r="W22" s="106"/>
      <c r="X22" s="106"/>
      <c r="Y22" s="107"/>
      <c r="Z22" s="105"/>
      <c r="AA22" s="106"/>
      <c r="AB22" s="106"/>
      <c r="AC22" s="106"/>
      <c r="AD22" s="106"/>
      <c r="AE22" s="106"/>
      <c r="AF22" s="106"/>
      <c r="AG22" s="106"/>
      <c r="AH22" s="106"/>
      <c r="AI22" s="106"/>
      <c r="AJ22" s="106"/>
      <c r="AK22" s="107"/>
      <c r="AL22" s="100"/>
    </row>
    <row r="23" spans="2:38" ht="21" customHeight="1">
      <c r="B23" s="357"/>
      <c r="C23" s="355"/>
      <c r="D23" s="355"/>
      <c r="E23" s="106"/>
      <c r="F23" s="106"/>
      <c r="G23" s="106"/>
      <c r="H23" s="106"/>
      <c r="I23" s="106"/>
      <c r="J23" s="106"/>
      <c r="K23" s="106"/>
      <c r="L23" s="106"/>
      <c r="M23" s="107"/>
      <c r="N23" s="105"/>
      <c r="O23" s="106"/>
      <c r="P23" s="106"/>
      <c r="Q23" s="106"/>
      <c r="R23" s="106"/>
      <c r="S23" s="106"/>
      <c r="T23" s="106"/>
      <c r="U23" s="106"/>
      <c r="V23" s="106"/>
      <c r="W23" s="106"/>
      <c r="X23" s="106"/>
      <c r="Y23" s="107"/>
      <c r="Z23" s="105"/>
      <c r="AA23" s="106"/>
      <c r="AB23" s="106"/>
      <c r="AC23" s="106"/>
      <c r="AD23" s="106"/>
      <c r="AE23" s="106"/>
      <c r="AF23" s="106"/>
      <c r="AG23" s="106"/>
      <c r="AH23" s="106"/>
      <c r="AI23" s="106"/>
      <c r="AJ23" s="106"/>
      <c r="AK23" s="107"/>
      <c r="AL23" s="100"/>
    </row>
    <row r="24" spans="2:38" ht="21" customHeight="1">
      <c r="B24" s="357"/>
      <c r="C24" s="355"/>
      <c r="D24" s="355"/>
      <c r="E24" s="106"/>
      <c r="F24" s="106"/>
      <c r="G24" s="106"/>
      <c r="H24" s="106"/>
      <c r="I24" s="106"/>
      <c r="J24" s="106"/>
      <c r="K24" s="106"/>
      <c r="L24" s="106"/>
      <c r="M24" s="107"/>
      <c r="N24" s="105"/>
      <c r="O24" s="106"/>
      <c r="P24" s="106"/>
      <c r="Q24" s="106"/>
      <c r="R24" s="106"/>
      <c r="S24" s="106"/>
      <c r="T24" s="106"/>
      <c r="U24" s="106"/>
      <c r="V24" s="106"/>
      <c r="W24" s="106"/>
      <c r="X24" s="106"/>
      <c r="Y24" s="107"/>
      <c r="Z24" s="105"/>
      <c r="AA24" s="106"/>
      <c r="AB24" s="106"/>
      <c r="AC24" s="106"/>
      <c r="AD24" s="106"/>
      <c r="AE24" s="106"/>
      <c r="AF24" s="106"/>
      <c r="AG24" s="106"/>
      <c r="AH24" s="106"/>
      <c r="AI24" s="106"/>
      <c r="AJ24" s="106"/>
      <c r="AK24" s="107"/>
      <c r="AL24" s="100"/>
    </row>
    <row r="25" spans="2:38" ht="21" customHeight="1">
      <c r="B25" s="357"/>
      <c r="C25" s="355"/>
      <c r="D25" s="355"/>
      <c r="E25" s="106"/>
      <c r="F25" s="106"/>
      <c r="G25" s="106"/>
      <c r="H25" s="106"/>
      <c r="I25" s="106"/>
      <c r="J25" s="106"/>
      <c r="K25" s="106"/>
      <c r="L25" s="106"/>
      <c r="M25" s="107"/>
      <c r="N25" s="105"/>
      <c r="O25" s="106"/>
      <c r="P25" s="106"/>
      <c r="Q25" s="106"/>
      <c r="R25" s="106"/>
      <c r="S25" s="106"/>
      <c r="T25" s="106"/>
      <c r="U25" s="106"/>
      <c r="V25" s="106"/>
      <c r="W25" s="106"/>
      <c r="X25" s="106"/>
      <c r="Y25" s="107"/>
      <c r="Z25" s="105"/>
      <c r="AA25" s="106"/>
      <c r="AB25" s="106"/>
      <c r="AC25" s="106"/>
      <c r="AD25" s="106"/>
      <c r="AE25" s="106"/>
      <c r="AF25" s="106"/>
      <c r="AG25" s="106"/>
      <c r="AH25" s="106"/>
      <c r="AI25" s="106"/>
      <c r="AJ25" s="106"/>
      <c r="AK25" s="107"/>
      <c r="AL25" s="100"/>
    </row>
    <row r="26" spans="2:38" ht="21" customHeight="1">
      <c r="B26" s="357"/>
      <c r="C26" s="355"/>
      <c r="D26" s="355"/>
      <c r="E26" s="106"/>
      <c r="F26" s="106"/>
      <c r="G26" s="106"/>
      <c r="H26" s="106"/>
      <c r="I26" s="106"/>
      <c r="J26" s="106"/>
      <c r="K26" s="106"/>
      <c r="L26" s="106"/>
      <c r="M26" s="107"/>
      <c r="N26" s="105"/>
      <c r="O26" s="106"/>
      <c r="P26" s="106"/>
      <c r="Q26" s="106"/>
      <c r="R26" s="106"/>
      <c r="S26" s="106"/>
      <c r="T26" s="106"/>
      <c r="U26" s="106"/>
      <c r="V26" s="106"/>
      <c r="W26" s="106"/>
      <c r="X26" s="106"/>
      <c r="Y26" s="107"/>
      <c r="Z26" s="105"/>
      <c r="AA26" s="106"/>
      <c r="AB26" s="106"/>
      <c r="AC26" s="106"/>
      <c r="AD26" s="106"/>
      <c r="AE26" s="106"/>
      <c r="AF26" s="106"/>
      <c r="AG26" s="106"/>
      <c r="AH26" s="106"/>
      <c r="AI26" s="106"/>
      <c r="AJ26" s="106"/>
      <c r="AK26" s="107"/>
      <c r="AL26" s="100"/>
    </row>
    <row r="27" spans="2:38" ht="21" customHeight="1">
      <c r="B27" s="357"/>
      <c r="C27" s="355"/>
      <c r="D27" s="355"/>
      <c r="E27" s="106"/>
      <c r="F27" s="106"/>
      <c r="G27" s="106"/>
      <c r="H27" s="106"/>
      <c r="I27" s="106"/>
      <c r="J27" s="106"/>
      <c r="K27" s="106"/>
      <c r="L27" s="106"/>
      <c r="M27" s="107"/>
      <c r="N27" s="105"/>
      <c r="O27" s="106"/>
      <c r="P27" s="106"/>
      <c r="Q27" s="106"/>
      <c r="R27" s="106"/>
      <c r="S27" s="106"/>
      <c r="T27" s="106"/>
      <c r="U27" s="106"/>
      <c r="V27" s="106"/>
      <c r="W27" s="106"/>
      <c r="X27" s="106"/>
      <c r="Y27" s="107"/>
      <c r="Z27" s="105"/>
      <c r="AA27" s="106"/>
      <c r="AB27" s="106"/>
      <c r="AC27" s="106"/>
      <c r="AD27" s="106"/>
      <c r="AE27" s="106"/>
      <c r="AF27" s="106"/>
      <c r="AG27" s="106"/>
      <c r="AH27" s="106"/>
      <c r="AI27" s="106"/>
      <c r="AJ27" s="106"/>
      <c r="AK27" s="107"/>
      <c r="AL27" s="100"/>
    </row>
    <row r="28" spans="2:38" ht="21" customHeight="1">
      <c r="B28" s="357"/>
      <c r="C28" s="355"/>
      <c r="D28" s="355"/>
      <c r="E28" s="106"/>
      <c r="F28" s="106"/>
      <c r="G28" s="106"/>
      <c r="H28" s="106"/>
      <c r="I28" s="106"/>
      <c r="J28" s="106"/>
      <c r="K28" s="106"/>
      <c r="L28" s="106"/>
      <c r="M28" s="107"/>
      <c r="N28" s="105"/>
      <c r="O28" s="106"/>
      <c r="P28" s="106"/>
      <c r="Q28" s="106"/>
      <c r="R28" s="106"/>
      <c r="S28" s="106"/>
      <c r="T28" s="106"/>
      <c r="U28" s="106"/>
      <c r="V28" s="106"/>
      <c r="W28" s="106"/>
      <c r="X28" s="106"/>
      <c r="Y28" s="107"/>
      <c r="Z28" s="105"/>
      <c r="AA28" s="106"/>
      <c r="AB28" s="106"/>
      <c r="AC28" s="106"/>
      <c r="AD28" s="106"/>
      <c r="AE28" s="106"/>
      <c r="AF28" s="106"/>
      <c r="AG28" s="106"/>
      <c r="AH28" s="106"/>
      <c r="AI28" s="106"/>
      <c r="AJ28" s="106"/>
      <c r="AK28" s="107"/>
      <c r="AL28" s="100"/>
    </row>
    <row r="29" spans="2:38" ht="21" customHeight="1">
      <c r="B29" s="357"/>
      <c r="C29" s="355"/>
      <c r="D29" s="355"/>
      <c r="E29" s="106"/>
      <c r="F29" s="106"/>
      <c r="G29" s="106"/>
      <c r="H29" s="106"/>
      <c r="I29" s="106"/>
      <c r="J29" s="106"/>
      <c r="K29" s="106"/>
      <c r="L29" s="106"/>
      <c r="M29" s="107"/>
      <c r="N29" s="105"/>
      <c r="O29" s="106"/>
      <c r="P29" s="106"/>
      <c r="Q29" s="106"/>
      <c r="R29" s="106"/>
      <c r="S29" s="106"/>
      <c r="T29" s="106"/>
      <c r="U29" s="106"/>
      <c r="V29" s="106"/>
      <c r="W29" s="106"/>
      <c r="X29" s="106"/>
      <c r="Y29" s="107"/>
      <c r="Z29" s="105"/>
      <c r="AA29" s="106"/>
      <c r="AB29" s="106"/>
      <c r="AC29" s="106"/>
      <c r="AD29" s="106"/>
      <c r="AE29" s="106"/>
      <c r="AF29" s="106"/>
      <c r="AG29" s="106"/>
      <c r="AH29" s="106"/>
      <c r="AI29" s="106"/>
      <c r="AJ29" s="106"/>
      <c r="AK29" s="107"/>
      <c r="AL29" s="100"/>
    </row>
    <row r="30" spans="2:38" ht="21" customHeight="1">
      <c r="B30" s="357"/>
      <c r="C30" s="355"/>
      <c r="D30" s="355"/>
      <c r="E30" s="106"/>
      <c r="F30" s="106"/>
      <c r="G30" s="106"/>
      <c r="H30" s="106"/>
      <c r="I30" s="106"/>
      <c r="J30" s="106"/>
      <c r="K30" s="106"/>
      <c r="L30" s="106"/>
      <c r="M30" s="107"/>
      <c r="N30" s="105"/>
      <c r="O30" s="106"/>
      <c r="P30" s="106"/>
      <c r="Q30" s="106"/>
      <c r="R30" s="106"/>
      <c r="S30" s="106"/>
      <c r="T30" s="106"/>
      <c r="U30" s="106"/>
      <c r="V30" s="106"/>
      <c r="W30" s="106"/>
      <c r="X30" s="106"/>
      <c r="Y30" s="107"/>
      <c r="Z30" s="105"/>
      <c r="AA30" s="106"/>
      <c r="AB30" s="106"/>
      <c r="AC30" s="106"/>
      <c r="AD30" s="106"/>
      <c r="AE30" s="106"/>
      <c r="AF30" s="106"/>
      <c r="AG30" s="106"/>
      <c r="AH30" s="106"/>
      <c r="AI30" s="106"/>
      <c r="AJ30" s="106"/>
      <c r="AK30" s="107"/>
      <c r="AL30" s="100"/>
    </row>
    <row r="31" spans="2:38" ht="21" customHeight="1">
      <c r="B31" s="358"/>
      <c r="C31" s="359"/>
      <c r="D31" s="359"/>
      <c r="E31" s="109"/>
      <c r="F31" s="109"/>
      <c r="G31" s="109"/>
      <c r="H31" s="109"/>
      <c r="I31" s="109"/>
      <c r="J31" s="109"/>
      <c r="K31" s="109"/>
      <c r="L31" s="109"/>
      <c r="M31" s="110"/>
      <c r="N31" s="108"/>
      <c r="O31" s="109"/>
      <c r="P31" s="109"/>
      <c r="Q31" s="109"/>
      <c r="R31" s="109"/>
      <c r="S31" s="109"/>
      <c r="T31" s="109"/>
      <c r="U31" s="109"/>
      <c r="V31" s="109"/>
      <c r="W31" s="109"/>
      <c r="X31" s="109"/>
      <c r="Y31" s="110"/>
      <c r="Z31" s="108"/>
      <c r="AA31" s="109"/>
      <c r="AB31" s="109"/>
      <c r="AC31" s="109"/>
      <c r="AD31" s="109"/>
      <c r="AE31" s="109"/>
      <c r="AF31" s="109"/>
      <c r="AG31" s="109"/>
      <c r="AH31" s="109"/>
      <c r="AI31" s="109"/>
      <c r="AJ31" s="109"/>
      <c r="AK31" s="110"/>
      <c r="AL31" s="101"/>
    </row>
    <row r="32" spans="2:38" ht="21" customHeight="1">
      <c r="B32" s="357"/>
      <c r="C32" s="355"/>
      <c r="D32" s="355"/>
      <c r="E32" s="106"/>
      <c r="F32" s="106"/>
      <c r="G32" s="106"/>
      <c r="H32" s="106"/>
      <c r="I32" s="106"/>
      <c r="J32" s="106"/>
      <c r="K32" s="106"/>
      <c r="L32" s="106"/>
      <c r="M32" s="107"/>
      <c r="N32" s="105"/>
      <c r="O32" s="106"/>
      <c r="P32" s="106"/>
      <c r="Q32" s="106"/>
      <c r="R32" s="106"/>
      <c r="S32" s="106"/>
      <c r="T32" s="106"/>
      <c r="U32" s="106"/>
      <c r="V32" s="106"/>
      <c r="W32" s="106"/>
      <c r="X32" s="106"/>
      <c r="Y32" s="107"/>
      <c r="Z32" s="105"/>
      <c r="AA32" s="106"/>
      <c r="AB32" s="106"/>
      <c r="AC32" s="106"/>
      <c r="AD32" s="106"/>
      <c r="AE32" s="106"/>
      <c r="AF32" s="106"/>
      <c r="AG32" s="106"/>
      <c r="AH32" s="106"/>
      <c r="AI32" s="106"/>
      <c r="AJ32" s="106"/>
      <c r="AK32" s="107"/>
      <c r="AL32" s="100"/>
    </row>
    <row r="33" spans="2:38" ht="21" customHeight="1">
      <c r="B33" s="357"/>
      <c r="C33" s="355"/>
      <c r="D33" s="355"/>
      <c r="E33" s="106"/>
      <c r="F33" s="106"/>
      <c r="G33" s="106"/>
      <c r="H33" s="106"/>
      <c r="I33" s="106"/>
      <c r="J33" s="106"/>
      <c r="K33" s="106"/>
      <c r="L33" s="106"/>
      <c r="M33" s="107"/>
      <c r="N33" s="105"/>
      <c r="O33" s="106"/>
      <c r="P33" s="106"/>
      <c r="Q33" s="106"/>
      <c r="R33" s="106"/>
      <c r="S33" s="106"/>
      <c r="T33" s="106"/>
      <c r="U33" s="106"/>
      <c r="V33" s="106"/>
      <c r="W33" s="106"/>
      <c r="X33" s="106"/>
      <c r="Y33" s="107"/>
      <c r="Z33" s="105"/>
      <c r="AA33" s="106"/>
      <c r="AB33" s="106"/>
      <c r="AC33" s="106"/>
      <c r="AD33" s="106"/>
      <c r="AE33" s="106"/>
      <c r="AF33" s="106"/>
      <c r="AG33" s="106"/>
      <c r="AH33" s="106"/>
      <c r="AI33" s="106"/>
      <c r="AJ33" s="106"/>
      <c r="AK33" s="107"/>
      <c r="AL33" s="100"/>
    </row>
    <row r="34" spans="2:38" ht="21" customHeight="1">
      <c r="B34" s="357"/>
      <c r="C34" s="355"/>
      <c r="D34" s="355"/>
      <c r="E34" s="106"/>
      <c r="F34" s="106"/>
      <c r="G34" s="106"/>
      <c r="H34" s="106"/>
      <c r="I34" s="106"/>
      <c r="J34" s="106"/>
      <c r="K34" s="106"/>
      <c r="L34" s="106"/>
      <c r="M34" s="107"/>
      <c r="N34" s="105"/>
      <c r="O34" s="106"/>
      <c r="P34" s="106"/>
      <c r="Q34" s="106"/>
      <c r="R34" s="106"/>
      <c r="S34" s="106"/>
      <c r="T34" s="106"/>
      <c r="U34" s="106"/>
      <c r="V34" s="106"/>
      <c r="W34" s="106"/>
      <c r="X34" s="106"/>
      <c r="Y34" s="107"/>
      <c r="Z34" s="105"/>
      <c r="AA34" s="106"/>
      <c r="AB34" s="106"/>
      <c r="AC34" s="106"/>
      <c r="AD34" s="106"/>
      <c r="AE34" s="106"/>
      <c r="AF34" s="106"/>
      <c r="AG34" s="106"/>
      <c r="AH34" s="106"/>
      <c r="AI34" s="106"/>
      <c r="AJ34" s="106"/>
      <c r="AK34" s="107"/>
      <c r="AL34" s="100"/>
    </row>
    <row r="35" spans="2:38" ht="21" customHeight="1">
      <c r="B35" s="357"/>
      <c r="C35" s="355"/>
      <c r="D35" s="355"/>
      <c r="E35" s="106"/>
      <c r="F35" s="106"/>
      <c r="G35" s="106"/>
      <c r="H35" s="106"/>
      <c r="I35" s="106"/>
      <c r="J35" s="106"/>
      <c r="K35" s="106"/>
      <c r="L35" s="106"/>
      <c r="M35" s="107"/>
      <c r="N35" s="105"/>
      <c r="O35" s="106"/>
      <c r="P35" s="106"/>
      <c r="Q35" s="106"/>
      <c r="R35" s="106"/>
      <c r="S35" s="106"/>
      <c r="T35" s="106"/>
      <c r="U35" s="106"/>
      <c r="V35" s="106"/>
      <c r="W35" s="106"/>
      <c r="X35" s="106"/>
      <c r="Y35" s="107"/>
      <c r="Z35" s="105"/>
      <c r="AA35" s="106"/>
      <c r="AB35" s="106"/>
      <c r="AC35" s="106"/>
      <c r="AD35" s="106"/>
      <c r="AE35" s="106"/>
      <c r="AF35" s="106"/>
      <c r="AG35" s="106"/>
      <c r="AH35" s="106"/>
      <c r="AI35" s="106"/>
      <c r="AJ35" s="106"/>
      <c r="AK35" s="107"/>
      <c r="AL35" s="100"/>
    </row>
    <row r="36" spans="2:38" ht="21" customHeight="1">
      <c r="B36" s="357"/>
      <c r="C36" s="355"/>
      <c r="D36" s="355"/>
      <c r="E36" s="106"/>
      <c r="F36" s="106"/>
      <c r="G36" s="106"/>
      <c r="H36" s="106"/>
      <c r="I36" s="106"/>
      <c r="J36" s="106"/>
      <c r="K36" s="106"/>
      <c r="L36" s="106"/>
      <c r="M36" s="107"/>
      <c r="N36" s="105"/>
      <c r="O36" s="106"/>
      <c r="P36" s="106"/>
      <c r="Q36" s="106"/>
      <c r="R36" s="106"/>
      <c r="S36" s="106"/>
      <c r="T36" s="106"/>
      <c r="U36" s="106"/>
      <c r="V36" s="106"/>
      <c r="W36" s="106"/>
      <c r="X36" s="106"/>
      <c r="Y36" s="107"/>
      <c r="Z36" s="105"/>
      <c r="AA36" s="106"/>
      <c r="AB36" s="106"/>
      <c r="AC36" s="106"/>
      <c r="AD36" s="106"/>
      <c r="AE36" s="106"/>
      <c r="AF36" s="106"/>
      <c r="AG36" s="106"/>
      <c r="AH36" s="106"/>
      <c r="AI36" s="106"/>
      <c r="AJ36" s="106"/>
      <c r="AK36" s="107"/>
      <c r="AL36" s="100"/>
    </row>
    <row r="37" spans="2:38" ht="21" customHeight="1">
      <c r="B37" s="357"/>
      <c r="C37" s="355"/>
      <c r="D37" s="355"/>
      <c r="E37" s="106"/>
      <c r="F37" s="106"/>
      <c r="G37" s="106"/>
      <c r="H37" s="106"/>
      <c r="I37" s="106"/>
      <c r="J37" s="106"/>
      <c r="K37" s="106"/>
      <c r="L37" s="106"/>
      <c r="M37" s="107"/>
      <c r="N37" s="105"/>
      <c r="O37" s="106"/>
      <c r="P37" s="106"/>
      <c r="Q37" s="106"/>
      <c r="R37" s="106"/>
      <c r="S37" s="106"/>
      <c r="T37" s="106"/>
      <c r="U37" s="106"/>
      <c r="V37" s="106"/>
      <c r="W37" s="106"/>
      <c r="X37" s="106"/>
      <c r="Y37" s="107"/>
      <c r="Z37" s="105"/>
      <c r="AA37" s="106"/>
      <c r="AB37" s="106"/>
      <c r="AC37" s="106"/>
      <c r="AD37" s="106"/>
      <c r="AE37" s="106"/>
      <c r="AF37" s="106"/>
      <c r="AG37" s="106"/>
      <c r="AH37" s="106"/>
      <c r="AI37" s="106"/>
      <c r="AJ37" s="106"/>
      <c r="AK37" s="107"/>
      <c r="AL37" s="100"/>
    </row>
    <row r="38" spans="2:38" ht="21" customHeight="1">
      <c r="B38" s="357"/>
      <c r="C38" s="355"/>
      <c r="D38" s="355"/>
      <c r="E38" s="106"/>
      <c r="F38" s="106"/>
      <c r="G38" s="106"/>
      <c r="H38" s="106"/>
      <c r="I38" s="106"/>
      <c r="J38" s="106"/>
      <c r="K38" s="106"/>
      <c r="L38" s="106"/>
      <c r="M38" s="107"/>
      <c r="N38" s="105"/>
      <c r="O38" s="106"/>
      <c r="P38" s="106"/>
      <c r="Q38" s="106"/>
      <c r="R38" s="106"/>
      <c r="S38" s="106"/>
      <c r="T38" s="106"/>
      <c r="U38" s="106"/>
      <c r="V38" s="106"/>
      <c r="W38" s="106"/>
      <c r="X38" s="106"/>
      <c r="Y38" s="107"/>
      <c r="Z38" s="105"/>
      <c r="AA38" s="106"/>
      <c r="AB38" s="106"/>
      <c r="AC38" s="106"/>
      <c r="AD38" s="106"/>
      <c r="AE38" s="106"/>
      <c r="AF38" s="106"/>
      <c r="AG38" s="106"/>
      <c r="AH38" s="106"/>
      <c r="AI38" s="106"/>
      <c r="AJ38" s="106"/>
      <c r="AK38" s="107"/>
      <c r="AL38" s="100"/>
    </row>
    <row r="39" spans="2:38" ht="21" customHeight="1">
      <c r="B39" s="357"/>
      <c r="C39" s="355"/>
      <c r="D39" s="355"/>
      <c r="E39" s="106"/>
      <c r="F39" s="106"/>
      <c r="G39" s="106"/>
      <c r="H39" s="106"/>
      <c r="I39" s="106"/>
      <c r="J39" s="106"/>
      <c r="K39" s="106"/>
      <c r="L39" s="106"/>
      <c r="M39" s="107"/>
      <c r="N39" s="105"/>
      <c r="O39" s="106"/>
      <c r="P39" s="106"/>
      <c r="Q39" s="106"/>
      <c r="R39" s="106"/>
      <c r="S39" s="106"/>
      <c r="T39" s="106"/>
      <c r="U39" s="106"/>
      <c r="V39" s="106"/>
      <c r="W39" s="106"/>
      <c r="X39" s="106"/>
      <c r="Y39" s="107"/>
      <c r="Z39" s="105"/>
      <c r="AA39" s="106"/>
      <c r="AB39" s="106"/>
      <c r="AC39" s="106"/>
      <c r="AD39" s="106"/>
      <c r="AE39" s="106"/>
      <c r="AF39" s="106"/>
      <c r="AG39" s="106"/>
      <c r="AH39" s="106"/>
      <c r="AI39" s="106"/>
      <c r="AJ39" s="106"/>
      <c r="AK39" s="107"/>
      <c r="AL39" s="100"/>
    </row>
    <row r="40" spans="2:38" ht="21" customHeight="1">
      <c r="B40" s="358"/>
      <c r="C40" s="359"/>
      <c r="D40" s="359"/>
      <c r="E40" s="109"/>
      <c r="F40" s="109"/>
      <c r="G40" s="109"/>
      <c r="H40" s="109"/>
      <c r="I40" s="109"/>
      <c r="J40" s="109"/>
      <c r="K40" s="109"/>
      <c r="L40" s="109"/>
      <c r="M40" s="110"/>
      <c r="N40" s="108"/>
      <c r="O40" s="109"/>
      <c r="P40" s="109"/>
      <c r="Q40" s="109"/>
      <c r="R40" s="109"/>
      <c r="S40" s="109"/>
      <c r="T40" s="109"/>
      <c r="U40" s="109"/>
      <c r="V40" s="109"/>
      <c r="W40" s="109"/>
      <c r="X40" s="109"/>
      <c r="Y40" s="110"/>
      <c r="Z40" s="108"/>
      <c r="AA40" s="109"/>
      <c r="AB40" s="109"/>
      <c r="AC40" s="109"/>
      <c r="AD40" s="109"/>
      <c r="AE40" s="109"/>
      <c r="AF40" s="109"/>
      <c r="AG40" s="109"/>
      <c r="AH40" s="109"/>
      <c r="AI40" s="109"/>
      <c r="AJ40" s="109"/>
      <c r="AK40" s="110"/>
      <c r="AL40" s="101"/>
    </row>
    <row r="41" spans="2:38" ht="15" customHeight="1">
      <c r="B41" s="30" t="s">
        <v>161</v>
      </c>
    </row>
  </sheetData>
  <sheetProtection selectLockedCells="1" selectUnlockedCells="1"/>
  <mergeCells count="41">
    <mergeCell ref="B12:D12"/>
    <mergeCell ref="B6:D6"/>
    <mergeCell ref="B7:D7"/>
    <mergeCell ref="B8:D8"/>
    <mergeCell ref="B9:D9"/>
    <mergeCell ref="B10:D10"/>
    <mergeCell ref="B11:D11"/>
    <mergeCell ref="B38:D38"/>
    <mergeCell ref="B39:D39"/>
    <mergeCell ref="B40:D40"/>
    <mergeCell ref="B35:D35"/>
    <mergeCell ref="B36:D36"/>
    <mergeCell ref="B34:D34"/>
    <mergeCell ref="B37:D37"/>
    <mergeCell ref="N3:Y3"/>
    <mergeCell ref="Z3:AK3"/>
    <mergeCell ref="AL3:AL4"/>
    <mergeCell ref="B32:D32"/>
    <mergeCell ref="B3:D4"/>
    <mergeCell ref="E3:M3"/>
    <mergeCell ref="B13:D13"/>
    <mergeCell ref="B14:D14"/>
    <mergeCell ref="B5:D5"/>
    <mergeCell ref="B26:D26"/>
    <mergeCell ref="B33:D33"/>
    <mergeCell ref="B15:D15"/>
    <mergeCell ref="B19:D19"/>
    <mergeCell ref="B20:D20"/>
    <mergeCell ref="B21:D21"/>
    <mergeCell ref="B23:D23"/>
    <mergeCell ref="B24:D24"/>
    <mergeCell ref="B16:D16"/>
    <mergeCell ref="B17:D17"/>
    <mergeCell ref="B18:D18"/>
    <mergeCell ref="B25:D25"/>
    <mergeCell ref="B22:D22"/>
    <mergeCell ref="B30:D30"/>
    <mergeCell ref="B31:D31"/>
    <mergeCell ref="B27:D27"/>
    <mergeCell ref="B28:D28"/>
    <mergeCell ref="B29:D29"/>
  </mergeCells>
  <phoneticPr fontId="27"/>
  <pageMargins left="0.98425196850393704" right="0.59055118110236227" top="0.78740157480314965" bottom="0.78740157480314965" header="0.51181102362204722" footer="0.51181102362204722"/>
  <pageSetup paperSize="8" scale="92" firstPageNumber="0" orientation="landscape" horizontalDpi="300" verticalDpi="300"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4"/>
  <sheetViews>
    <sheetView view="pageBreakPreview" zoomScaleNormal="100" zoomScaleSheetLayoutView="100" workbookViewId="0">
      <selection activeCell="D7" sqref="D7"/>
    </sheetView>
  </sheetViews>
  <sheetFormatPr defaultRowHeight="13.5"/>
  <cols>
    <col min="1" max="1" width="1.625" style="5" customWidth="1"/>
    <col min="2" max="2" width="7" style="5" customWidth="1"/>
    <col min="3" max="3" width="4.625" style="6" customWidth="1"/>
    <col min="4" max="5" width="15.75" style="5" customWidth="1"/>
    <col min="6" max="6" width="42.875" style="5" customWidth="1"/>
    <col min="7" max="7" width="1.625" style="5" customWidth="1"/>
    <col min="8" max="16384" width="9" style="5"/>
  </cols>
  <sheetData>
    <row r="1" spans="1:7" ht="18.600000000000001" customHeight="1">
      <c r="A1" s="7"/>
      <c r="B1" s="9" t="s">
        <v>307</v>
      </c>
      <c r="C1" s="8"/>
      <c r="D1" s="7"/>
      <c r="E1" s="7"/>
      <c r="F1" s="7"/>
      <c r="G1" s="7"/>
    </row>
    <row r="2" spans="1:7" ht="26.45" customHeight="1">
      <c r="A2" s="7"/>
      <c r="B2" s="370" t="s">
        <v>211</v>
      </c>
      <c r="C2" s="370"/>
      <c r="D2" s="370"/>
      <c r="E2" s="370"/>
      <c r="F2" s="370"/>
      <c r="G2" s="7"/>
    </row>
    <row r="3" spans="1:7" ht="17.25" customHeight="1">
      <c r="A3" s="7"/>
      <c r="B3" s="114"/>
      <c r="C3" s="114"/>
      <c r="D3" s="114"/>
      <c r="E3" s="114"/>
      <c r="F3" s="114"/>
      <c r="G3" s="7"/>
    </row>
    <row r="4" spans="1:7" ht="26.45" customHeight="1">
      <c r="A4" s="7"/>
      <c r="B4" s="121" t="s">
        <v>165</v>
      </c>
      <c r="C4" s="114"/>
      <c r="D4" s="114"/>
      <c r="E4" s="114"/>
      <c r="F4" s="114"/>
      <c r="G4" s="7"/>
    </row>
    <row r="5" spans="1:7">
      <c r="A5" s="7"/>
      <c r="B5" s="122"/>
      <c r="C5" s="122"/>
      <c r="D5" s="122"/>
      <c r="E5" s="122"/>
      <c r="F5" s="122"/>
      <c r="G5" s="7"/>
    </row>
    <row r="6" spans="1:7" s="8" customFormat="1" ht="15" customHeight="1">
      <c r="B6" s="123" t="s">
        <v>166</v>
      </c>
      <c r="C6" s="124" t="s">
        <v>167</v>
      </c>
      <c r="D6" s="125" t="s">
        <v>168</v>
      </c>
      <c r="E6" s="126" t="s">
        <v>169</v>
      </c>
      <c r="F6" s="126" t="s">
        <v>170</v>
      </c>
    </row>
    <row r="7" spans="1:7" s="7" customFormat="1" ht="70.5" customHeight="1">
      <c r="B7" s="127">
        <v>1</v>
      </c>
      <c r="C7" s="128"/>
      <c r="D7" s="129"/>
      <c r="E7" s="130"/>
      <c r="F7" s="130"/>
    </row>
    <row r="8" spans="1:7" s="7" customFormat="1" ht="70.5" customHeight="1">
      <c r="B8" s="127">
        <v>2</v>
      </c>
      <c r="C8" s="128"/>
      <c r="D8" s="129"/>
      <c r="E8" s="130"/>
      <c r="F8" s="130"/>
    </row>
    <row r="9" spans="1:7" s="7" customFormat="1" ht="70.5" customHeight="1">
      <c r="B9" s="131">
        <v>3</v>
      </c>
      <c r="C9" s="132"/>
      <c r="D9" s="133"/>
      <c r="E9" s="134"/>
      <c r="F9" s="134"/>
    </row>
    <row r="10" spans="1:7" s="7" customFormat="1" ht="70.5" customHeight="1">
      <c r="B10" s="127">
        <v>4</v>
      </c>
      <c r="C10" s="128"/>
      <c r="D10" s="129"/>
      <c r="E10" s="130"/>
      <c r="F10" s="130"/>
    </row>
    <row r="11" spans="1:7" s="7" customFormat="1" ht="70.5" customHeight="1">
      <c r="B11" s="127">
        <v>5</v>
      </c>
      <c r="C11" s="128"/>
      <c r="D11" s="129"/>
      <c r="E11" s="130"/>
      <c r="F11" s="130"/>
    </row>
    <row r="12" spans="1:7" s="7" customFormat="1" ht="70.5" customHeight="1">
      <c r="B12" s="135">
        <v>6</v>
      </c>
      <c r="C12" s="136"/>
      <c r="D12" s="137"/>
      <c r="E12" s="138"/>
      <c r="F12" s="138"/>
    </row>
    <row r="13" spans="1:7">
      <c r="B13" s="87" t="s">
        <v>171</v>
      </c>
      <c r="C13" s="139"/>
      <c r="D13" s="87"/>
      <c r="E13" s="87"/>
      <c r="F13" s="87"/>
    </row>
    <row r="14" spans="1:7" ht="11.25" customHeight="1"/>
  </sheetData>
  <sheetProtection selectLockedCells="1" selectUnlockedCells="1"/>
  <mergeCells count="1">
    <mergeCell ref="B2:F2"/>
  </mergeCells>
  <phoneticPr fontId="27"/>
  <printOptions horizontalCentered="1"/>
  <pageMargins left="0.70833333333333337" right="0.70833333333333337" top="0.74791666666666667" bottom="0.74791666666666667" header="0.51180555555555551" footer="0.51180555555555551"/>
  <pageSetup paperSize="9" firstPageNumber="0" orientation="portrait" horizontalDpi="300" verticalDpi="300"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F12"/>
  <sheetViews>
    <sheetView view="pageBreakPreview" zoomScale="85" zoomScaleNormal="100" zoomScaleSheetLayoutView="85" workbookViewId="0">
      <selection activeCell="F3" sqref="F3"/>
    </sheetView>
  </sheetViews>
  <sheetFormatPr defaultRowHeight="13.5"/>
  <cols>
    <col min="1" max="1" width="3.5" style="157" customWidth="1"/>
    <col min="2" max="3" width="4.25" style="157" customWidth="1"/>
    <col min="4" max="4" width="9.5" style="157" customWidth="1"/>
    <col min="5" max="5" width="28.375" style="157" customWidth="1"/>
    <col min="6" max="6" width="59.875" style="157" customWidth="1"/>
    <col min="7" max="16384" width="9" style="157"/>
  </cols>
  <sheetData>
    <row r="1" spans="2:6" ht="18" customHeight="1">
      <c r="B1" s="157" t="s">
        <v>308</v>
      </c>
    </row>
    <row r="2" spans="2:6" ht="20.25" customHeight="1">
      <c r="B2" s="252" t="s">
        <v>172</v>
      </c>
    </row>
    <row r="4" spans="2:6" ht="45" customHeight="1">
      <c r="B4" s="270" t="s">
        <v>311</v>
      </c>
      <c r="C4" s="270"/>
      <c r="D4" s="270"/>
      <c r="E4" s="377"/>
      <c r="F4" s="377"/>
    </row>
    <row r="6" spans="2:6" ht="18.75" customHeight="1">
      <c r="B6" s="371" t="s">
        <v>173</v>
      </c>
      <c r="C6" s="372"/>
      <c r="D6" s="373"/>
      <c r="E6" s="159" t="s">
        <v>175</v>
      </c>
      <c r="F6" s="159" t="s">
        <v>140</v>
      </c>
    </row>
    <row r="7" spans="2:6" ht="63.75" customHeight="1">
      <c r="B7" s="374" t="s">
        <v>229</v>
      </c>
      <c r="C7" s="378" t="s">
        <v>174</v>
      </c>
      <c r="D7" s="379"/>
      <c r="E7" s="159"/>
      <c r="F7" s="119"/>
    </row>
    <row r="8" spans="2:6" ht="63.75" customHeight="1">
      <c r="B8" s="375"/>
      <c r="C8" s="380" t="s">
        <v>176</v>
      </c>
      <c r="D8" s="140" t="s">
        <v>177</v>
      </c>
      <c r="E8" s="159"/>
      <c r="F8" s="119"/>
    </row>
    <row r="9" spans="2:6" ht="63.75" customHeight="1">
      <c r="B9" s="375"/>
      <c r="C9" s="381"/>
      <c r="D9" s="141" t="s">
        <v>178</v>
      </c>
      <c r="E9" s="159"/>
      <c r="F9" s="119"/>
    </row>
    <row r="10" spans="2:6" ht="63.75" customHeight="1">
      <c r="B10" s="375"/>
      <c r="C10" s="381"/>
      <c r="D10" s="119" t="s">
        <v>179</v>
      </c>
      <c r="E10" s="159"/>
      <c r="F10" s="119"/>
    </row>
    <row r="11" spans="2:6" ht="63.75" customHeight="1">
      <c r="B11" s="376"/>
      <c r="C11" s="382"/>
      <c r="D11" s="119" t="s">
        <v>180</v>
      </c>
      <c r="E11" s="159"/>
      <c r="F11" s="119"/>
    </row>
    <row r="12" spans="2:6">
      <c r="B12" s="157" t="s">
        <v>141</v>
      </c>
    </row>
  </sheetData>
  <sheetProtection selectLockedCells="1" selectUnlockedCells="1"/>
  <mergeCells count="5">
    <mergeCell ref="B6:D6"/>
    <mergeCell ref="B7:B11"/>
    <mergeCell ref="B4:F4"/>
    <mergeCell ref="C7:D7"/>
    <mergeCell ref="C8:C11"/>
  </mergeCells>
  <phoneticPr fontId="27"/>
  <printOptions horizontalCentered="1"/>
  <pageMargins left="0.70833333333333337" right="0.70833333333333337" top="0.74791666666666667" bottom="0.74791666666666667" header="0.51180555555555551" footer="0.51180555555555551"/>
  <pageSetup paperSize="9" scale="83" firstPageNumber="0" orientation="portrait" horizontalDpi="300" verticalDpi="300"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H30"/>
  <sheetViews>
    <sheetView view="pageBreakPreview" zoomScale="85" zoomScaleNormal="85" zoomScaleSheetLayoutView="85" workbookViewId="0">
      <selection activeCell="C32" sqref="C32"/>
    </sheetView>
  </sheetViews>
  <sheetFormatPr defaultRowHeight="13.5"/>
  <cols>
    <col min="1" max="1" width="4.125" style="33" customWidth="1"/>
    <col min="2" max="2" width="29.25" style="33" customWidth="1"/>
    <col min="3" max="7" width="8.625" style="33" customWidth="1"/>
    <col min="8" max="8" width="18.375" style="33" customWidth="1"/>
    <col min="9" max="9" width="2.75" style="33" customWidth="1"/>
    <col min="10" max="16384" width="9" style="33"/>
  </cols>
  <sheetData>
    <row r="1" spans="2:8" ht="20.25" customHeight="1">
      <c r="B1" s="249" t="s">
        <v>309</v>
      </c>
      <c r="C1" s="34"/>
      <c r="D1" s="34"/>
      <c r="E1" s="34"/>
      <c r="F1" s="34"/>
      <c r="G1" s="34"/>
      <c r="H1" s="34"/>
    </row>
    <row r="2" spans="2:8" s="157" customFormat="1" ht="20.25" customHeight="1">
      <c r="B2" s="252" t="s">
        <v>310</v>
      </c>
    </row>
    <row r="3" spans="2:8" s="157" customFormat="1"/>
    <row r="4" spans="2:8" s="157" customFormat="1" ht="36" customHeight="1">
      <c r="B4" s="270" t="s">
        <v>312</v>
      </c>
      <c r="C4" s="270"/>
      <c r="D4" s="270"/>
      <c r="E4" s="270"/>
      <c r="F4" s="270"/>
      <c r="G4" s="270"/>
      <c r="H4" s="270"/>
    </row>
    <row r="5" spans="2:8" ht="16.5" customHeight="1" thickBot="1">
      <c r="H5" s="35" t="s">
        <v>113</v>
      </c>
    </row>
    <row r="6" spans="2:8" s="34" customFormat="1" ht="16.5" customHeight="1" thickBot="1">
      <c r="B6" s="36" t="s">
        <v>270</v>
      </c>
      <c r="C6" s="37" t="s">
        <v>114</v>
      </c>
      <c r="D6" s="38" t="s">
        <v>115</v>
      </c>
      <c r="E6" s="39" t="s">
        <v>116</v>
      </c>
      <c r="F6" s="39" t="s">
        <v>117</v>
      </c>
      <c r="G6" s="40" t="s">
        <v>118</v>
      </c>
      <c r="H6" s="41" t="s">
        <v>18</v>
      </c>
    </row>
    <row r="7" spans="2:8" s="34" customFormat="1" ht="16.5" customHeight="1">
      <c r="B7" s="42"/>
      <c r="C7" s="43"/>
      <c r="D7" s="44"/>
      <c r="E7" s="45"/>
      <c r="F7" s="45"/>
      <c r="G7" s="46"/>
      <c r="H7" s="47"/>
    </row>
    <row r="8" spans="2:8" s="34" customFormat="1" ht="16.5" customHeight="1">
      <c r="B8" s="48"/>
      <c r="C8" s="49"/>
      <c r="D8" s="50"/>
      <c r="E8" s="51"/>
      <c r="F8" s="51"/>
      <c r="G8" s="52"/>
      <c r="H8" s="53"/>
    </row>
    <row r="9" spans="2:8" s="34" customFormat="1" ht="16.5" customHeight="1">
      <c r="B9" s="48"/>
      <c r="C9" s="49"/>
      <c r="D9" s="50"/>
      <c r="E9" s="51"/>
      <c r="F9" s="51"/>
      <c r="G9" s="52"/>
      <c r="H9" s="53"/>
    </row>
    <row r="10" spans="2:8" s="34" customFormat="1" ht="16.5" customHeight="1">
      <c r="B10" s="48"/>
      <c r="C10" s="49"/>
      <c r="D10" s="50"/>
      <c r="E10" s="51"/>
      <c r="F10" s="51"/>
      <c r="G10" s="52"/>
      <c r="H10" s="53"/>
    </row>
    <row r="11" spans="2:8" s="34" customFormat="1" ht="16.5" customHeight="1">
      <c r="B11" s="48"/>
      <c r="C11" s="49"/>
      <c r="D11" s="50"/>
      <c r="E11" s="51"/>
      <c r="F11" s="51"/>
      <c r="G11" s="52"/>
      <c r="H11" s="53"/>
    </row>
    <row r="12" spans="2:8" ht="16.5" customHeight="1">
      <c r="B12" s="54"/>
      <c r="C12" s="55"/>
      <c r="D12" s="56"/>
      <c r="E12" s="57"/>
      <c r="F12" s="57"/>
      <c r="G12" s="58"/>
      <c r="H12" s="59"/>
    </row>
    <row r="13" spans="2:8" ht="16.5" customHeight="1">
      <c r="B13" s="54"/>
      <c r="C13" s="55"/>
      <c r="D13" s="56"/>
      <c r="E13" s="57"/>
      <c r="F13" s="57"/>
      <c r="G13" s="58"/>
      <c r="H13" s="59"/>
    </row>
    <row r="14" spans="2:8" ht="16.5" customHeight="1">
      <c r="B14" s="54"/>
      <c r="C14" s="55"/>
      <c r="D14" s="56"/>
      <c r="E14" s="57"/>
      <c r="F14" s="57"/>
      <c r="G14" s="58"/>
      <c r="H14" s="59"/>
    </row>
    <row r="15" spans="2:8" ht="16.5" customHeight="1">
      <c r="B15" s="54"/>
      <c r="C15" s="55"/>
      <c r="D15" s="56"/>
      <c r="E15" s="57"/>
      <c r="F15" s="57"/>
      <c r="G15" s="58"/>
      <c r="H15" s="59"/>
    </row>
    <row r="16" spans="2:8" ht="16.5" customHeight="1">
      <c r="B16" s="54"/>
      <c r="C16" s="55"/>
      <c r="D16" s="56"/>
      <c r="E16" s="57"/>
      <c r="F16" s="57"/>
      <c r="G16" s="58"/>
      <c r="H16" s="59"/>
    </row>
    <row r="17" spans="2:8" ht="16.5" customHeight="1">
      <c r="B17" s="244"/>
      <c r="C17" s="55"/>
      <c r="D17" s="56"/>
      <c r="E17" s="57"/>
      <c r="F17" s="57"/>
      <c r="G17" s="58"/>
      <c r="H17" s="59"/>
    </row>
    <row r="18" spans="2:8" ht="16.5" customHeight="1">
      <c r="B18" s="244"/>
      <c r="C18" s="55"/>
      <c r="D18" s="56"/>
      <c r="E18" s="57"/>
      <c r="F18" s="57"/>
      <c r="G18" s="58"/>
      <c r="H18" s="59"/>
    </row>
    <row r="19" spans="2:8" ht="16.5" customHeight="1">
      <c r="B19" s="54"/>
      <c r="C19" s="55"/>
      <c r="D19" s="56"/>
      <c r="E19" s="57"/>
      <c r="F19" s="57"/>
      <c r="G19" s="58"/>
      <c r="H19" s="59"/>
    </row>
    <row r="20" spans="2:8" ht="16.5" customHeight="1">
      <c r="B20" s="54"/>
      <c r="C20" s="55"/>
      <c r="D20" s="56"/>
      <c r="E20" s="57"/>
      <c r="F20" s="57"/>
      <c r="G20" s="58"/>
      <c r="H20" s="60"/>
    </row>
    <row r="21" spans="2:8" ht="16.5" customHeight="1">
      <c r="B21" s="54"/>
      <c r="C21" s="55"/>
      <c r="D21" s="56"/>
      <c r="E21" s="57"/>
      <c r="F21" s="57"/>
      <c r="G21" s="58"/>
      <c r="H21" s="59"/>
    </row>
    <row r="22" spans="2:8" ht="16.5" customHeight="1">
      <c r="B22" s="54"/>
      <c r="C22" s="55"/>
      <c r="D22" s="56"/>
      <c r="E22" s="57"/>
      <c r="F22" s="57"/>
      <c r="G22" s="58"/>
      <c r="H22" s="59"/>
    </row>
    <row r="23" spans="2:8" ht="16.5" customHeight="1">
      <c r="B23" s="54"/>
      <c r="C23" s="55"/>
      <c r="D23" s="56"/>
      <c r="E23" s="57"/>
      <c r="F23" s="57"/>
      <c r="G23" s="58"/>
      <c r="H23" s="59"/>
    </row>
    <row r="24" spans="2:8" ht="16.5" customHeight="1">
      <c r="B24" s="54"/>
      <c r="C24" s="55"/>
      <c r="D24" s="56"/>
      <c r="E24" s="57"/>
      <c r="F24" s="57"/>
      <c r="G24" s="58"/>
      <c r="H24" s="59"/>
    </row>
    <row r="25" spans="2:8" ht="16.5" customHeight="1">
      <c r="B25" s="61"/>
      <c r="C25" s="62"/>
      <c r="D25" s="63"/>
      <c r="E25" s="64"/>
      <c r="F25" s="64"/>
      <c r="G25" s="65"/>
      <c r="H25" s="66"/>
    </row>
    <row r="26" spans="2:8" ht="16.5" customHeight="1" thickBot="1">
      <c r="B26" s="81" t="s">
        <v>84</v>
      </c>
      <c r="C26" s="82">
        <f>SUM(C7:C25)</f>
        <v>0</v>
      </c>
      <c r="D26" s="83">
        <f t="shared" ref="D26:G26" si="0">SUM(D7:D25)</f>
        <v>0</v>
      </c>
      <c r="E26" s="84">
        <f t="shared" si="0"/>
        <v>0</v>
      </c>
      <c r="F26" s="84">
        <f t="shared" si="0"/>
        <v>0</v>
      </c>
      <c r="G26" s="85">
        <f t="shared" si="0"/>
        <v>0</v>
      </c>
      <c r="H26" s="86"/>
    </row>
    <row r="27" spans="2:8" ht="14.25" customHeight="1">
      <c r="B27" s="33" t="s">
        <v>124</v>
      </c>
    </row>
    <row r="28" spans="2:8">
      <c r="B28" s="33" t="s">
        <v>125</v>
      </c>
    </row>
    <row r="29" spans="2:8">
      <c r="B29" s="33" t="s">
        <v>314</v>
      </c>
    </row>
    <row r="30" spans="2:8">
      <c r="B30" s="33" t="s">
        <v>107</v>
      </c>
    </row>
  </sheetData>
  <sheetProtection selectLockedCells="1" selectUnlockedCells="1"/>
  <mergeCells count="1">
    <mergeCell ref="B4:H4"/>
  </mergeCells>
  <phoneticPr fontId="27"/>
  <printOptions horizontalCentered="1"/>
  <pageMargins left="0.51181102362204722" right="0.55118110236220474" top="0.78740157480314965" bottom="0.59055118110236227" header="0.51181102362204722" footer="0.51181102362204722"/>
  <pageSetup paperSize="9" scale="96" firstPageNumber="0" orientation="portrait" horizontalDpi="300"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4"/>
  <sheetViews>
    <sheetView zoomScale="85" zoomScaleNormal="85" workbookViewId="0">
      <selection activeCell="E4" sqref="E4"/>
    </sheetView>
  </sheetViews>
  <sheetFormatPr defaultRowHeight="46.5" customHeight="1"/>
  <cols>
    <col min="1" max="1" width="1.625" style="5" customWidth="1"/>
    <col min="2" max="2" width="7" style="5" customWidth="1"/>
    <col min="3" max="3" width="12.625" style="6" customWidth="1"/>
    <col min="4" max="4" width="4.625" style="6" customWidth="1"/>
    <col min="5" max="5" width="15.75" style="5" customWidth="1"/>
    <col min="6" max="6" width="46.625" style="5" customWidth="1"/>
    <col min="7" max="7" width="1.625" style="5" customWidth="1"/>
    <col min="8" max="16384" width="9" style="5"/>
  </cols>
  <sheetData>
    <row r="1" spans="1:11" ht="5.0999999999999996" customHeight="1">
      <c r="A1" s="7"/>
      <c r="B1" s="7"/>
      <c r="C1" s="8"/>
      <c r="D1" s="8"/>
      <c r="E1" s="7"/>
      <c r="F1" s="7"/>
      <c r="G1" s="7"/>
    </row>
    <row r="2" spans="1:11" ht="18.600000000000001" customHeight="1">
      <c r="A2" s="7"/>
      <c r="B2" s="9" t="s">
        <v>222</v>
      </c>
      <c r="C2" s="8"/>
      <c r="D2" s="8"/>
      <c r="E2" s="7"/>
      <c r="F2" s="7"/>
      <c r="G2" s="7"/>
    </row>
    <row r="3" spans="1:11" ht="26.45" customHeight="1">
      <c r="A3" s="7"/>
      <c r="B3" s="263" t="s">
        <v>223</v>
      </c>
      <c r="C3" s="263"/>
      <c r="D3" s="263"/>
      <c r="E3" s="263"/>
      <c r="F3" s="263"/>
      <c r="G3" s="7"/>
    </row>
    <row r="4" spans="1:11" ht="28.9" customHeight="1">
      <c r="A4" s="7"/>
      <c r="B4" s="7"/>
      <c r="C4" s="7"/>
      <c r="D4" s="8"/>
      <c r="E4" s="7"/>
      <c r="F4" s="10" t="s">
        <v>0</v>
      </c>
      <c r="G4" s="7"/>
    </row>
    <row r="5" spans="1:11" ht="39.75" customHeight="1">
      <c r="A5" s="7"/>
      <c r="B5" s="264" t="s">
        <v>220</v>
      </c>
      <c r="C5" s="264"/>
      <c r="D5" s="264"/>
      <c r="E5" s="264"/>
      <c r="F5" s="264"/>
      <c r="G5" s="7"/>
    </row>
    <row r="6" spans="1:11" ht="13.5" customHeight="1">
      <c r="A6" s="7"/>
      <c r="B6" s="265" t="s">
        <v>1</v>
      </c>
      <c r="C6" s="11" t="s">
        <v>2</v>
      </c>
      <c r="D6" s="266"/>
      <c r="E6" s="266"/>
      <c r="F6" s="266"/>
      <c r="G6" s="7"/>
    </row>
    <row r="7" spans="1:11" ht="13.5" customHeight="1">
      <c r="A7" s="7"/>
      <c r="B7" s="265"/>
      <c r="C7" s="12" t="s">
        <v>3</v>
      </c>
      <c r="D7" s="267"/>
      <c r="E7" s="267"/>
      <c r="F7" s="267"/>
      <c r="G7" s="7"/>
    </row>
    <row r="8" spans="1:11" ht="13.5" customHeight="1">
      <c r="A8" s="7"/>
      <c r="B8" s="265"/>
      <c r="C8" s="12" t="s">
        <v>4</v>
      </c>
      <c r="D8" s="267"/>
      <c r="E8" s="267"/>
      <c r="F8" s="267"/>
      <c r="G8" s="7"/>
    </row>
    <row r="9" spans="1:11" ht="13.5" customHeight="1">
      <c r="A9" s="7"/>
      <c r="B9" s="265"/>
      <c r="C9" s="12" t="s">
        <v>5</v>
      </c>
      <c r="D9" s="267"/>
      <c r="E9" s="267"/>
      <c r="F9" s="267"/>
      <c r="G9" s="7"/>
    </row>
    <row r="10" spans="1:11" ht="13.5" customHeight="1">
      <c r="A10" s="7"/>
      <c r="B10" s="265"/>
      <c r="C10" s="12" t="s">
        <v>208</v>
      </c>
      <c r="D10" s="267"/>
      <c r="E10" s="267"/>
      <c r="F10" s="267"/>
      <c r="G10" s="7"/>
    </row>
    <row r="11" spans="1:11" ht="13.5" customHeight="1">
      <c r="A11" s="7"/>
      <c r="B11" s="265"/>
      <c r="C11" s="13" t="s">
        <v>206</v>
      </c>
      <c r="D11" s="268"/>
      <c r="E11" s="268"/>
      <c r="F11" s="268"/>
      <c r="G11" s="7"/>
    </row>
    <row r="12" spans="1:11" ht="14.25" customHeight="1">
      <c r="A12" s="7"/>
      <c r="B12" s="14" t="s">
        <v>6</v>
      </c>
      <c r="C12" s="15"/>
      <c r="D12" s="262" t="s">
        <v>7</v>
      </c>
      <c r="E12" s="262"/>
      <c r="F12" s="16"/>
      <c r="G12" s="7"/>
    </row>
    <row r="13" spans="1:11" ht="13.5" customHeight="1">
      <c r="A13" s="7"/>
      <c r="B13" s="10"/>
      <c r="C13" s="10"/>
      <c r="D13" s="10"/>
      <c r="E13" s="10"/>
      <c r="F13" s="10"/>
      <c r="G13" s="7"/>
    </row>
    <row r="14" spans="1:11" s="8" customFormat="1" ht="15" customHeight="1">
      <c r="B14" s="89" t="s">
        <v>8</v>
      </c>
      <c r="C14" s="90" t="s">
        <v>9</v>
      </c>
      <c r="D14" s="90" t="s">
        <v>10</v>
      </c>
      <c r="E14" s="91" t="s">
        <v>11</v>
      </c>
      <c r="F14" s="92" t="s">
        <v>12</v>
      </c>
    </row>
    <row r="15" spans="1:11" s="8" customFormat="1" ht="75" customHeight="1">
      <c r="B15" s="93" t="s">
        <v>13</v>
      </c>
      <c r="C15" s="142" t="s">
        <v>221</v>
      </c>
      <c r="D15" s="17"/>
      <c r="E15" s="18"/>
      <c r="F15" s="153"/>
      <c r="K15" s="120"/>
    </row>
    <row r="16" spans="1:11" s="7" customFormat="1" ht="75" customHeight="1">
      <c r="B16" s="94">
        <v>1</v>
      </c>
      <c r="C16" s="19"/>
      <c r="D16" s="20"/>
      <c r="E16" s="21"/>
      <c r="F16" s="154"/>
      <c r="K16" s="120"/>
    </row>
    <row r="17" spans="2:11" s="7" customFormat="1" ht="75" customHeight="1">
      <c r="B17" s="94">
        <v>2</v>
      </c>
      <c r="C17" s="19"/>
      <c r="D17" s="20"/>
      <c r="E17" s="21"/>
      <c r="F17" s="154"/>
      <c r="K17" s="120"/>
    </row>
    <row r="18" spans="2:11" s="7" customFormat="1" ht="75" customHeight="1">
      <c r="B18" s="95">
        <v>3</v>
      </c>
      <c r="C18" s="22"/>
      <c r="D18" s="23"/>
      <c r="E18" s="24"/>
      <c r="F18" s="155"/>
    </row>
    <row r="19" spans="2:11" s="7" customFormat="1" ht="75" customHeight="1">
      <c r="B19" s="94">
        <v>4</v>
      </c>
      <c r="C19" s="19"/>
      <c r="D19" s="20"/>
      <c r="E19" s="21"/>
      <c r="F19" s="154"/>
    </row>
    <row r="20" spans="2:11" s="7" customFormat="1" ht="75" customHeight="1">
      <c r="B20" s="96">
        <v>5</v>
      </c>
      <c r="C20" s="97"/>
      <c r="D20" s="98"/>
      <c r="E20" s="99"/>
      <c r="F20" s="156"/>
    </row>
    <row r="21" spans="2:11" ht="15" customHeight="1">
      <c r="B21" s="88" t="s">
        <v>18</v>
      </c>
      <c r="C21" s="87"/>
      <c r="D21" s="87"/>
      <c r="E21" s="87"/>
      <c r="F21" s="87"/>
    </row>
    <row r="22" spans="2:11" ht="15" customHeight="1">
      <c r="B22" s="88" t="s">
        <v>142</v>
      </c>
      <c r="C22" s="87"/>
      <c r="D22" s="87"/>
      <c r="E22" s="87"/>
      <c r="F22" s="87"/>
    </row>
    <row r="23" spans="2:11" ht="15" customHeight="1">
      <c r="B23" s="88" t="s">
        <v>143</v>
      </c>
      <c r="C23" s="87"/>
      <c r="D23" s="87"/>
      <c r="E23" s="87"/>
      <c r="F23" s="87"/>
    </row>
    <row r="24" spans="2:11" ht="15" customHeight="1">
      <c r="B24" s="88" t="s">
        <v>144</v>
      </c>
      <c r="C24" s="87"/>
      <c r="D24" s="87"/>
      <c r="E24" s="87"/>
      <c r="F24" s="87"/>
    </row>
  </sheetData>
  <sheetProtection selectLockedCells="1" selectUnlockedCells="1"/>
  <mergeCells count="10">
    <mergeCell ref="D12:E12"/>
    <mergeCell ref="B3:F3"/>
    <mergeCell ref="B5:F5"/>
    <mergeCell ref="B6:B11"/>
    <mergeCell ref="D6:F6"/>
    <mergeCell ref="D7:F7"/>
    <mergeCell ref="D8:F8"/>
    <mergeCell ref="D9:F9"/>
    <mergeCell ref="D10:F10"/>
    <mergeCell ref="D11:F11"/>
  </mergeCells>
  <phoneticPr fontId="27"/>
  <pageMargins left="0.74803149606299213" right="0.74803149606299213" top="0.78740157480314965" bottom="0.78740157480314965" header="0.51181102362204722" footer="0.51181102362204722"/>
  <pageSetup paperSize="9" scale="97" firstPageNumber="0" orientation="portrait" horizontalDpi="300" verticalDpi="300"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1"/>
  <sheetViews>
    <sheetView view="pageBreakPreview" zoomScaleNormal="70" zoomScaleSheetLayoutView="100" workbookViewId="0">
      <selection activeCell="A32" sqref="A32"/>
    </sheetView>
  </sheetViews>
  <sheetFormatPr defaultRowHeight="13.5"/>
  <cols>
    <col min="1" max="1" width="2.5" style="88" customWidth="1"/>
    <col min="2" max="3" width="9" style="88"/>
    <col min="4" max="4" width="6.75" style="88" customWidth="1"/>
    <col min="5" max="5" width="9" style="88"/>
    <col min="6" max="6" width="15.125" style="88" customWidth="1"/>
    <col min="7" max="9" width="10" style="88" customWidth="1"/>
    <col min="10" max="10" width="3.625" style="88" customWidth="1"/>
    <col min="11" max="16384" width="9" style="88"/>
  </cols>
  <sheetData>
    <row r="1" spans="1:9">
      <c r="A1" s="9" t="s">
        <v>224</v>
      </c>
    </row>
    <row r="3" spans="1:9" s="146" customFormat="1" ht="18.75">
      <c r="B3" s="147" t="s">
        <v>225</v>
      </c>
      <c r="C3" s="147"/>
      <c r="D3" s="147"/>
      <c r="E3" s="147"/>
      <c r="F3" s="147"/>
      <c r="G3" s="147"/>
      <c r="H3" s="147"/>
      <c r="I3" s="147"/>
    </row>
    <row r="5" spans="1:9">
      <c r="I5" s="148" t="s">
        <v>207</v>
      </c>
    </row>
    <row r="6" spans="1:9">
      <c r="I6" s="148"/>
    </row>
    <row r="8" spans="1:9">
      <c r="B8" s="88" t="s">
        <v>226</v>
      </c>
    </row>
    <row r="13" spans="1:9" ht="18.75" customHeight="1">
      <c r="E13" s="88" t="s">
        <v>196</v>
      </c>
      <c r="F13" s="88" t="s">
        <v>197</v>
      </c>
      <c r="G13" s="269"/>
      <c r="H13" s="269"/>
      <c r="I13" s="269"/>
    </row>
    <row r="14" spans="1:9" ht="18.75" customHeight="1">
      <c r="F14" s="88" t="s">
        <v>198</v>
      </c>
      <c r="G14" s="269"/>
      <c r="H14" s="269"/>
      <c r="I14" s="269"/>
    </row>
    <row r="15" spans="1:9" ht="18.75" customHeight="1">
      <c r="F15" s="88" t="s">
        <v>199</v>
      </c>
      <c r="G15" s="271" t="s">
        <v>200</v>
      </c>
      <c r="H15" s="271"/>
      <c r="I15" s="271"/>
    </row>
    <row r="16" spans="1:9" ht="18.75" customHeight="1"/>
    <row r="17" spans="1:10" ht="18.75" customHeight="1">
      <c r="E17" s="88" t="s">
        <v>201</v>
      </c>
      <c r="F17" s="88" t="s">
        <v>202</v>
      </c>
      <c r="G17" s="269"/>
      <c r="H17" s="269"/>
      <c r="I17" s="269"/>
    </row>
    <row r="18" spans="1:10" ht="18.75" customHeight="1">
      <c r="F18" s="88" t="s">
        <v>203</v>
      </c>
      <c r="G18" s="269"/>
      <c r="H18" s="269"/>
      <c r="I18" s="269"/>
    </row>
    <row r="19" spans="1:10" ht="18.75" customHeight="1">
      <c r="F19" s="88" t="s">
        <v>197</v>
      </c>
      <c r="G19" s="269"/>
      <c r="H19" s="269"/>
      <c r="I19" s="269"/>
    </row>
    <row r="20" spans="1:10" ht="18.75" customHeight="1">
      <c r="F20" s="88" t="s">
        <v>204</v>
      </c>
      <c r="G20" s="269"/>
      <c r="H20" s="269"/>
      <c r="I20" s="269"/>
    </row>
    <row r="21" spans="1:10" ht="18.75" customHeight="1">
      <c r="F21" s="88" t="s">
        <v>205</v>
      </c>
      <c r="G21" s="269"/>
      <c r="H21" s="269"/>
      <c r="I21" s="269"/>
    </row>
    <row r="22" spans="1:10" ht="18.75" customHeight="1">
      <c r="F22" s="88" t="s">
        <v>206</v>
      </c>
      <c r="G22" s="269"/>
      <c r="H22" s="269"/>
      <c r="I22" s="269"/>
    </row>
    <row r="29" spans="1:10" ht="13.5" customHeight="1">
      <c r="A29" s="270" t="s">
        <v>227</v>
      </c>
      <c r="B29" s="270"/>
      <c r="C29" s="270"/>
      <c r="D29" s="270"/>
      <c r="E29" s="270"/>
      <c r="F29" s="270"/>
      <c r="G29" s="270"/>
      <c r="H29" s="270"/>
      <c r="I29" s="270"/>
      <c r="J29" s="270"/>
    </row>
    <row r="30" spans="1:10">
      <c r="A30" s="270"/>
      <c r="B30" s="270"/>
      <c r="C30" s="270"/>
      <c r="D30" s="270"/>
      <c r="E30" s="270"/>
      <c r="F30" s="270"/>
      <c r="G30" s="270"/>
      <c r="H30" s="270"/>
      <c r="I30" s="270"/>
      <c r="J30" s="270"/>
    </row>
    <row r="31" spans="1:10">
      <c r="A31" s="270"/>
      <c r="B31" s="270"/>
      <c r="C31" s="270"/>
      <c r="D31" s="270"/>
      <c r="E31" s="270"/>
      <c r="F31" s="270"/>
      <c r="G31" s="270"/>
      <c r="H31" s="270"/>
      <c r="I31" s="270"/>
      <c r="J31" s="270"/>
    </row>
  </sheetData>
  <mergeCells count="10">
    <mergeCell ref="G20:I20"/>
    <mergeCell ref="G21:I21"/>
    <mergeCell ref="G22:I22"/>
    <mergeCell ref="A29:J31"/>
    <mergeCell ref="G13:I13"/>
    <mergeCell ref="G14:I14"/>
    <mergeCell ref="G15:I15"/>
    <mergeCell ref="G17:I17"/>
    <mergeCell ref="G18:I18"/>
    <mergeCell ref="G19:I19"/>
  </mergeCells>
  <phoneticPr fontId="27"/>
  <printOptions horizontalCentered="1"/>
  <pageMargins left="0.78740157480314965" right="0.78740157480314965" top="0.78740157480314965" bottom="0.78740157480314965" header="0" footer="0"/>
  <pageSetup paperSize="9" orientation="portrait" horizontalDpi="300" verticalDpi="300"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R38"/>
  <sheetViews>
    <sheetView view="pageBreakPreview" zoomScaleNormal="100" zoomScaleSheetLayoutView="100" workbookViewId="0">
      <pane xSplit="5" ySplit="5" topLeftCell="F6" activePane="bottomRight" state="frozen"/>
      <selection pane="topRight" activeCell="F1" sqref="F1"/>
      <selection pane="bottomLeft" activeCell="A6" sqref="A6"/>
      <selection pane="bottomRight" activeCell="E10" sqref="E10"/>
    </sheetView>
  </sheetViews>
  <sheetFormatPr defaultRowHeight="30" customHeight="1"/>
  <cols>
    <col min="1" max="1" width="3.25" style="164" customWidth="1"/>
    <col min="2" max="2" width="4.875" style="164" customWidth="1"/>
    <col min="3" max="3" width="2.625" style="181" customWidth="1"/>
    <col min="4" max="4" width="2.625" style="164" customWidth="1"/>
    <col min="5" max="5" width="20.625" style="161" customWidth="1"/>
    <col min="6" max="17" width="9.625" style="164" customWidth="1"/>
    <col min="18" max="18" width="10.125" style="164" customWidth="1"/>
    <col min="19" max="19" width="3.375" style="164" customWidth="1"/>
    <col min="20" max="16384" width="9" style="164"/>
  </cols>
  <sheetData>
    <row r="1" spans="2:18" s="5" customFormat="1" ht="18.600000000000001" customHeight="1">
      <c r="B1" s="26" t="s">
        <v>228</v>
      </c>
      <c r="C1" s="6"/>
      <c r="D1" s="6"/>
    </row>
    <row r="2" spans="2:18" s="5" customFormat="1" ht="26.45" customHeight="1">
      <c r="B2" s="251" t="s">
        <v>14</v>
      </c>
      <c r="C2" s="27"/>
      <c r="D2" s="27"/>
      <c r="E2" s="27"/>
      <c r="F2" s="27"/>
      <c r="G2" s="27"/>
      <c r="H2" s="27"/>
      <c r="I2" s="27"/>
      <c r="J2" s="27"/>
      <c r="K2" s="27"/>
      <c r="L2" s="27"/>
      <c r="M2" s="27"/>
      <c r="N2" s="27"/>
      <c r="O2" s="27"/>
      <c r="P2" s="27"/>
      <c r="Q2" s="27"/>
    </row>
    <row r="3" spans="2:18" ht="12">
      <c r="B3" s="161"/>
      <c r="C3" s="162"/>
      <c r="D3" s="161"/>
      <c r="F3" s="161"/>
      <c r="G3" s="161"/>
      <c r="H3" s="161"/>
      <c r="I3" s="161"/>
      <c r="J3" s="161"/>
      <c r="K3" s="161"/>
      <c r="L3" s="161"/>
      <c r="M3" s="163"/>
      <c r="N3" s="163"/>
      <c r="O3" s="163"/>
      <c r="P3" s="163"/>
      <c r="Q3" s="163"/>
      <c r="R3" s="163" t="s">
        <v>15</v>
      </c>
    </row>
    <row r="4" spans="2:18" ht="20.100000000000001" customHeight="1">
      <c r="B4" s="278" t="s">
        <v>16</v>
      </c>
      <c r="C4" s="279"/>
      <c r="D4" s="279"/>
      <c r="E4" s="280"/>
      <c r="F4" s="273" t="s">
        <v>159</v>
      </c>
      <c r="G4" s="274"/>
      <c r="H4" s="275"/>
      <c r="I4" s="273" t="s">
        <v>181</v>
      </c>
      <c r="J4" s="274"/>
      <c r="K4" s="275"/>
      <c r="L4" s="273" t="s">
        <v>182</v>
      </c>
      <c r="M4" s="274"/>
      <c r="N4" s="275"/>
      <c r="O4" s="273" t="s">
        <v>185</v>
      </c>
      <c r="P4" s="274"/>
      <c r="Q4" s="275"/>
      <c r="R4" s="276" t="s">
        <v>18</v>
      </c>
    </row>
    <row r="5" spans="2:18" ht="36" customHeight="1">
      <c r="B5" s="281"/>
      <c r="C5" s="282"/>
      <c r="D5" s="282"/>
      <c r="E5" s="283"/>
      <c r="F5" s="165" t="s">
        <v>230</v>
      </c>
      <c r="G5" s="165" t="s">
        <v>183</v>
      </c>
      <c r="H5" s="165" t="s">
        <v>184</v>
      </c>
      <c r="I5" s="165" t="s">
        <v>230</v>
      </c>
      <c r="J5" s="165" t="s">
        <v>183</v>
      </c>
      <c r="K5" s="165" t="s">
        <v>184</v>
      </c>
      <c r="L5" s="165" t="s">
        <v>230</v>
      </c>
      <c r="M5" s="165" t="s">
        <v>183</v>
      </c>
      <c r="N5" s="165" t="s">
        <v>184</v>
      </c>
      <c r="O5" s="165" t="s">
        <v>230</v>
      </c>
      <c r="P5" s="165" t="s">
        <v>183</v>
      </c>
      <c r="Q5" s="165" t="s">
        <v>184</v>
      </c>
      <c r="R5" s="277"/>
    </row>
    <row r="6" spans="2:18" ht="15" customHeight="1">
      <c r="B6" s="289" t="s">
        <v>229</v>
      </c>
      <c r="C6" s="225" t="s">
        <v>19</v>
      </c>
      <c r="D6" s="226" t="s">
        <v>20</v>
      </c>
      <c r="E6" s="227"/>
      <c r="F6" s="167"/>
      <c r="G6" s="167"/>
      <c r="H6" s="167"/>
      <c r="I6" s="167"/>
      <c r="J6" s="167"/>
      <c r="K6" s="167"/>
      <c r="L6" s="167"/>
      <c r="M6" s="167"/>
      <c r="N6" s="167"/>
      <c r="O6" s="167"/>
      <c r="P6" s="167"/>
      <c r="Q6" s="167"/>
      <c r="R6" s="167"/>
    </row>
    <row r="7" spans="2:18" ht="15" customHeight="1">
      <c r="B7" s="290"/>
      <c r="C7" s="176" t="s">
        <v>21</v>
      </c>
      <c r="D7" s="169" t="s">
        <v>22</v>
      </c>
      <c r="E7" s="228"/>
      <c r="F7" s="167"/>
      <c r="G7" s="167"/>
      <c r="H7" s="167"/>
      <c r="I7" s="167"/>
      <c r="J7" s="167"/>
      <c r="K7" s="167"/>
      <c r="L7" s="167"/>
      <c r="M7" s="167"/>
      <c r="N7" s="167"/>
      <c r="O7" s="167"/>
      <c r="P7" s="167"/>
      <c r="Q7" s="167"/>
      <c r="R7" s="167"/>
    </row>
    <row r="8" spans="2:18" ht="15" customHeight="1">
      <c r="B8" s="290"/>
      <c r="C8" s="231"/>
      <c r="D8" s="169" t="s">
        <v>23</v>
      </c>
      <c r="E8" s="229" t="s">
        <v>24</v>
      </c>
      <c r="F8" s="167"/>
      <c r="G8" s="167"/>
      <c r="H8" s="167"/>
      <c r="I8" s="167"/>
      <c r="J8" s="167"/>
      <c r="K8" s="167"/>
      <c r="L8" s="167"/>
      <c r="M8" s="167"/>
      <c r="N8" s="167"/>
      <c r="O8" s="167"/>
      <c r="P8" s="167"/>
      <c r="Q8" s="167"/>
      <c r="R8" s="167"/>
    </row>
    <row r="9" spans="2:18" ht="15" customHeight="1">
      <c r="B9" s="290"/>
      <c r="C9" s="231"/>
      <c r="D9" s="169" t="s">
        <v>25</v>
      </c>
      <c r="E9" s="229" t="s">
        <v>26</v>
      </c>
      <c r="F9" s="167"/>
      <c r="G9" s="167"/>
      <c r="H9" s="167"/>
      <c r="I9" s="167"/>
      <c r="J9" s="167"/>
      <c r="K9" s="167"/>
      <c r="L9" s="167"/>
      <c r="M9" s="167"/>
      <c r="N9" s="167"/>
      <c r="O9" s="167"/>
      <c r="P9" s="167"/>
      <c r="Q9" s="167"/>
      <c r="R9" s="167"/>
    </row>
    <row r="10" spans="2:18" ht="15" customHeight="1">
      <c r="B10" s="290"/>
      <c r="C10" s="231"/>
      <c r="D10" s="169" t="s">
        <v>27</v>
      </c>
      <c r="E10" s="229" t="s">
        <v>28</v>
      </c>
      <c r="F10" s="167"/>
      <c r="G10" s="167"/>
      <c r="H10" s="167"/>
      <c r="I10" s="167"/>
      <c r="J10" s="167"/>
      <c r="K10" s="167"/>
      <c r="L10" s="167"/>
      <c r="M10" s="167"/>
      <c r="N10" s="167"/>
      <c r="O10" s="167"/>
      <c r="P10" s="167"/>
      <c r="Q10" s="167"/>
      <c r="R10" s="167"/>
    </row>
    <row r="11" spans="2:18" ht="15" customHeight="1">
      <c r="B11" s="290"/>
      <c r="C11" s="231"/>
      <c r="D11" s="169" t="s">
        <v>29</v>
      </c>
      <c r="E11" s="229" t="s">
        <v>30</v>
      </c>
      <c r="F11" s="167"/>
      <c r="G11" s="167"/>
      <c r="H11" s="167"/>
      <c r="I11" s="167"/>
      <c r="J11" s="167"/>
      <c r="K11" s="167"/>
      <c r="L11" s="167"/>
      <c r="M11" s="167"/>
      <c r="N11" s="167"/>
      <c r="O11" s="167"/>
      <c r="P11" s="167"/>
      <c r="Q11" s="167"/>
      <c r="R11" s="167"/>
    </row>
    <row r="12" spans="2:18" ht="15" customHeight="1">
      <c r="B12" s="290"/>
      <c r="C12" s="231"/>
      <c r="D12" s="169" t="s">
        <v>31</v>
      </c>
      <c r="E12" s="229" t="s">
        <v>32</v>
      </c>
      <c r="F12" s="167"/>
      <c r="G12" s="167"/>
      <c r="H12" s="167"/>
      <c r="I12" s="167"/>
      <c r="J12" s="167"/>
      <c r="K12" s="167"/>
      <c r="L12" s="167"/>
      <c r="M12" s="167"/>
      <c r="N12" s="167"/>
      <c r="O12" s="167"/>
      <c r="P12" s="167"/>
      <c r="Q12" s="167"/>
      <c r="R12" s="167"/>
    </row>
    <row r="13" spans="2:18" ht="15" customHeight="1">
      <c r="B13" s="290"/>
      <c r="C13" s="231"/>
      <c r="D13" s="169" t="s">
        <v>33</v>
      </c>
      <c r="E13" s="229" t="s">
        <v>34</v>
      </c>
      <c r="F13" s="171"/>
      <c r="G13" s="171"/>
      <c r="H13" s="171"/>
      <c r="I13" s="171"/>
      <c r="J13" s="171"/>
      <c r="K13" s="171"/>
      <c r="L13" s="171"/>
      <c r="M13" s="171"/>
      <c r="N13" s="171"/>
      <c r="O13" s="171"/>
      <c r="P13" s="171"/>
      <c r="Q13" s="171"/>
      <c r="R13" s="171"/>
    </row>
    <row r="14" spans="2:18" ht="15" customHeight="1">
      <c r="B14" s="290"/>
      <c r="C14" s="231"/>
      <c r="D14" s="169" t="s">
        <v>35</v>
      </c>
      <c r="E14" s="229" t="s">
        <v>36</v>
      </c>
      <c r="F14" s="172"/>
      <c r="G14" s="172"/>
      <c r="H14" s="172"/>
      <c r="I14" s="172"/>
      <c r="J14" s="172"/>
      <c r="K14" s="172"/>
      <c r="L14" s="172"/>
      <c r="M14" s="172"/>
      <c r="N14" s="172"/>
      <c r="O14" s="172"/>
      <c r="P14" s="172"/>
      <c r="Q14" s="172"/>
      <c r="R14" s="172"/>
    </row>
    <row r="15" spans="2:18" ht="15" customHeight="1">
      <c r="B15" s="290"/>
      <c r="C15" s="231"/>
      <c r="D15" s="169" t="s">
        <v>37</v>
      </c>
      <c r="E15" s="229" t="s">
        <v>38</v>
      </c>
      <c r="F15" s="172"/>
      <c r="G15" s="172"/>
      <c r="H15" s="172"/>
      <c r="I15" s="172"/>
      <c r="J15" s="172"/>
      <c r="K15" s="172"/>
      <c r="L15" s="172"/>
      <c r="M15" s="172"/>
      <c r="N15" s="172"/>
      <c r="O15" s="172"/>
      <c r="P15" s="172"/>
      <c r="Q15" s="172"/>
      <c r="R15" s="172"/>
    </row>
    <row r="16" spans="2:18" ht="15" customHeight="1">
      <c r="B16" s="290"/>
      <c r="C16" s="231"/>
      <c r="D16" s="169" t="s">
        <v>231</v>
      </c>
      <c r="E16" s="229" t="s">
        <v>40</v>
      </c>
      <c r="F16" s="172"/>
      <c r="G16" s="172"/>
      <c r="H16" s="172"/>
      <c r="I16" s="172"/>
      <c r="J16" s="172"/>
      <c r="K16" s="172"/>
      <c r="L16" s="172"/>
      <c r="M16" s="172"/>
      <c r="N16" s="172"/>
      <c r="O16" s="172"/>
      <c r="P16" s="172"/>
      <c r="Q16" s="172"/>
      <c r="R16" s="172"/>
    </row>
    <row r="17" spans="2:18" ht="15" customHeight="1">
      <c r="B17" s="290"/>
      <c r="C17" s="231"/>
      <c r="D17" s="169" t="s">
        <v>39</v>
      </c>
      <c r="E17" s="229" t="s">
        <v>42</v>
      </c>
      <c r="F17" s="172"/>
      <c r="G17" s="172"/>
      <c r="H17" s="172"/>
      <c r="I17" s="172"/>
      <c r="J17" s="172"/>
      <c r="K17" s="172"/>
      <c r="L17" s="172"/>
      <c r="M17" s="172"/>
      <c r="N17" s="172"/>
      <c r="O17" s="172"/>
      <c r="P17" s="172"/>
      <c r="Q17" s="172"/>
      <c r="R17" s="172"/>
    </row>
    <row r="18" spans="2:18" ht="15" customHeight="1">
      <c r="B18" s="290"/>
      <c r="C18" s="231"/>
      <c r="D18" s="169" t="s">
        <v>41</v>
      </c>
      <c r="E18" s="229" t="s">
        <v>44</v>
      </c>
      <c r="F18" s="172"/>
      <c r="G18" s="172"/>
      <c r="H18" s="172"/>
      <c r="I18" s="172"/>
      <c r="J18" s="172"/>
      <c r="K18" s="172"/>
      <c r="L18" s="172"/>
      <c r="M18" s="172"/>
      <c r="N18" s="172"/>
      <c r="O18" s="172"/>
      <c r="P18" s="172"/>
      <c r="Q18" s="172"/>
      <c r="R18" s="172"/>
    </row>
    <row r="19" spans="2:18" ht="15" customHeight="1">
      <c r="B19" s="290"/>
      <c r="C19" s="231"/>
      <c r="D19" s="169" t="s">
        <v>43</v>
      </c>
      <c r="E19" s="229" t="s">
        <v>45</v>
      </c>
      <c r="F19" s="172"/>
      <c r="G19" s="172"/>
      <c r="H19" s="172"/>
      <c r="I19" s="172"/>
      <c r="J19" s="172"/>
      <c r="K19" s="172"/>
      <c r="L19" s="172"/>
      <c r="M19" s="172"/>
      <c r="N19" s="172"/>
      <c r="O19" s="172"/>
      <c r="P19" s="172"/>
      <c r="Q19" s="172"/>
      <c r="R19" s="172"/>
    </row>
    <row r="20" spans="2:18" ht="15" customHeight="1">
      <c r="B20" s="290"/>
      <c r="C20" s="173"/>
      <c r="D20" s="293" t="s">
        <v>46</v>
      </c>
      <c r="E20" s="293"/>
      <c r="F20" s="171"/>
      <c r="G20" s="171"/>
      <c r="H20" s="171"/>
      <c r="I20" s="171"/>
      <c r="J20" s="171"/>
      <c r="K20" s="171"/>
      <c r="L20" s="171"/>
      <c r="M20" s="171"/>
      <c r="N20" s="171"/>
      <c r="O20" s="171"/>
      <c r="P20" s="171"/>
      <c r="Q20" s="171"/>
      <c r="R20" s="171"/>
    </row>
    <row r="21" spans="2:18" ht="15" customHeight="1">
      <c r="B21" s="290"/>
      <c r="C21" s="176" t="s">
        <v>47</v>
      </c>
      <c r="D21" s="294" t="s">
        <v>232</v>
      </c>
      <c r="E21" s="295"/>
      <c r="F21" s="174"/>
      <c r="G21" s="174"/>
      <c r="H21" s="174"/>
      <c r="I21" s="174"/>
      <c r="J21" s="174"/>
      <c r="K21" s="174"/>
      <c r="L21" s="174"/>
      <c r="M21" s="174"/>
      <c r="N21" s="174"/>
      <c r="O21" s="174"/>
      <c r="P21" s="174"/>
      <c r="Q21" s="174"/>
      <c r="R21" s="174"/>
    </row>
    <row r="22" spans="2:18" ht="15" customHeight="1">
      <c r="B22" s="290"/>
      <c r="C22" s="232"/>
      <c r="D22" s="169" t="s">
        <v>23</v>
      </c>
      <c r="E22" s="230" t="s">
        <v>48</v>
      </c>
      <c r="F22" s="172"/>
      <c r="G22" s="172"/>
      <c r="H22" s="172"/>
      <c r="I22" s="172"/>
      <c r="J22" s="172"/>
      <c r="K22" s="172"/>
      <c r="L22" s="172"/>
      <c r="M22" s="172"/>
      <c r="N22" s="172"/>
      <c r="O22" s="172"/>
      <c r="P22" s="172"/>
      <c r="Q22" s="172"/>
      <c r="R22" s="172"/>
    </row>
    <row r="23" spans="2:18" ht="15" customHeight="1">
      <c r="B23" s="290"/>
      <c r="C23" s="232"/>
      <c r="D23" s="169" t="s">
        <v>25</v>
      </c>
      <c r="E23" s="230" t="s">
        <v>49</v>
      </c>
      <c r="F23" s="172"/>
      <c r="G23" s="172"/>
      <c r="H23" s="172"/>
      <c r="I23" s="172"/>
      <c r="J23" s="172"/>
      <c r="K23" s="172"/>
      <c r="L23" s="172"/>
      <c r="M23" s="172"/>
      <c r="N23" s="172"/>
      <c r="O23" s="172"/>
      <c r="P23" s="172"/>
      <c r="Q23" s="172"/>
      <c r="R23" s="172"/>
    </row>
    <row r="24" spans="2:18" ht="15" customHeight="1">
      <c r="B24" s="290"/>
      <c r="C24" s="232"/>
      <c r="D24" s="169" t="s">
        <v>27</v>
      </c>
      <c r="E24" s="229" t="s">
        <v>50</v>
      </c>
      <c r="F24" s="172"/>
      <c r="G24" s="172"/>
      <c r="H24" s="172"/>
      <c r="I24" s="172"/>
      <c r="J24" s="172"/>
      <c r="K24" s="172"/>
      <c r="L24" s="172"/>
      <c r="M24" s="172"/>
      <c r="N24" s="172"/>
      <c r="O24" s="172"/>
      <c r="P24" s="172"/>
      <c r="Q24" s="172"/>
      <c r="R24" s="172"/>
    </row>
    <row r="25" spans="2:18" ht="15" customHeight="1">
      <c r="B25" s="290"/>
      <c r="C25" s="232"/>
      <c r="D25" s="169" t="s">
        <v>29</v>
      </c>
      <c r="E25" s="229" t="s">
        <v>51</v>
      </c>
      <c r="F25" s="172"/>
      <c r="G25" s="172"/>
      <c r="H25" s="172"/>
      <c r="I25" s="172"/>
      <c r="J25" s="172"/>
      <c r="K25" s="172"/>
      <c r="L25" s="172"/>
      <c r="M25" s="172"/>
      <c r="N25" s="172"/>
      <c r="O25" s="172"/>
      <c r="P25" s="172"/>
      <c r="Q25" s="172"/>
      <c r="R25" s="172"/>
    </row>
    <row r="26" spans="2:18" ht="15" customHeight="1">
      <c r="B26" s="290"/>
      <c r="C26" s="166"/>
      <c r="D26" s="293" t="s">
        <v>46</v>
      </c>
      <c r="E26" s="293"/>
      <c r="F26" s="172"/>
      <c r="G26" s="172"/>
      <c r="H26" s="172"/>
      <c r="I26" s="172"/>
      <c r="J26" s="172"/>
      <c r="K26" s="172"/>
      <c r="L26" s="172"/>
      <c r="M26" s="172"/>
      <c r="N26" s="172"/>
      <c r="O26" s="172"/>
      <c r="P26" s="172"/>
      <c r="Q26" s="172"/>
      <c r="R26" s="172"/>
    </row>
    <row r="27" spans="2:18" ht="15" customHeight="1">
      <c r="B27" s="290"/>
      <c r="C27" s="168" t="s">
        <v>52</v>
      </c>
      <c r="D27" s="291" t="s">
        <v>53</v>
      </c>
      <c r="E27" s="292"/>
      <c r="F27" s="172"/>
      <c r="G27" s="172"/>
      <c r="H27" s="172"/>
      <c r="I27" s="172"/>
      <c r="J27" s="172"/>
      <c r="K27" s="172"/>
      <c r="L27" s="172"/>
      <c r="M27" s="172"/>
      <c r="N27" s="172"/>
      <c r="O27" s="172"/>
      <c r="P27" s="172"/>
      <c r="Q27" s="172"/>
      <c r="R27" s="172"/>
    </row>
    <row r="28" spans="2:18" ht="15" customHeight="1">
      <c r="B28" s="290"/>
      <c r="C28" s="168"/>
      <c r="D28" s="291"/>
      <c r="E28" s="292"/>
      <c r="F28" s="172"/>
      <c r="G28" s="172"/>
      <c r="H28" s="172"/>
      <c r="I28" s="172"/>
      <c r="J28" s="172"/>
      <c r="K28" s="172"/>
      <c r="L28" s="172"/>
      <c r="M28" s="172"/>
      <c r="N28" s="172"/>
      <c r="O28" s="172"/>
      <c r="P28" s="172"/>
      <c r="Q28" s="172"/>
      <c r="R28" s="172"/>
    </row>
    <row r="29" spans="2:18" ht="15" customHeight="1">
      <c r="B29" s="290"/>
      <c r="C29" s="168"/>
      <c r="D29" s="170"/>
      <c r="E29" s="229"/>
      <c r="F29" s="172"/>
      <c r="G29" s="172"/>
      <c r="H29" s="172"/>
      <c r="I29" s="172"/>
      <c r="J29" s="172"/>
      <c r="K29" s="172"/>
      <c r="L29" s="172"/>
      <c r="M29" s="172"/>
      <c r="N29" s="172"/>
      <c r="O29" s="172"/>
      <c r="P29" s="172"/>
      <c r="Q29" s="172"/>
      <c r="R29" s="172"/>
    </row>
    <row r="30" spans="2:18" ht="15" customHeight="1">
      <c r="B30" s="290"/>
      <c r="C30" s="177"/>
      <c r="D30" s="284" t="s">
        <v>54</v>
      </c>
      <c r="E30" s="284"/>
      <c r="F30" s="178"/>
      <c r="G30" s="178"/>
      <c r="H30" s="178"/>
      <c r="I30" s="178"/>
      <c r="J30" s="178"/>
      <c r="K30" s="178"/>
      <c r="L30" s="178"/>
      <c r="M30" s="178"/>
      <c r="N30" s="178"/>
      <c r="O30" s="178"/>
      <c r="P30" s="178"/>
      <c r="Q30" s="178"/>
      <c r="R30" s="178"/>
    </row>
    <row r="31" spans="2:18" ht="15" customHeight="1">
      <c r="B31" s="290"/>
      <c r="C31" s="175" t="s">
        <v>55</v>
      </c>
      <c r="D31" s="272" t="s">
        <v>56</v>
      </c>
      <c r="E31" s="272"/>
      <c r="F31" s="174"/>
      <c r="G31" s="174"/>
      <c r="H31" s="174"/>
      <c r="I31" s="174"/>
      <c r="J31" s="174"/>
      <c r="K31" s="174"/>
      <c r="L31" s="174"/>
      <c r="M31" s="174"/>
      <c r="N31" s="174"/>
      <c r="O31" s="174"/>
      <c r="P31" s="174"/>
      <c r="Q31" s="174"/>
      <c r="R31" s="174"/>
    </row>
    <row r="32" spans="2:18" ht="15" customHeight="1">
      <c r="B32" s="290"/>
      <c r="C32" s="176" t="s">
        <v>57</v>
      </c>
      <c r="D32" s="291" t="s">
        <v>58</v>
      </c>
      <c r="E32" s="291"/>
      <c r="F32" s="172"/>
      <c r="G32" s="172"/>
      <c r="H32" s="172"/>
      <c r="I32" s="172"/>
      <c r="J32" s="172"/>
      <c r="K32" s="172"/>
      <c r="L32" s="172"/>
      <c r="M32" s="172"/>
      <c r="N32" s="172"/>
      <c r="O32" s="172"/>
      <c r="P32" s="172"/>
      <c r="Q32" s="172"/>
      <c r="R32" s="172"/>
    </row>
    <row r="33" spans="2:18" ht="15" customHeight="1">
      <c r="B33" s="290"/>
      <c r="C33" s="176" t="s">
        <v>59</v>
      </c>
      <c r="D33" s="291" t="s">
        <v>60</v>
      </c>
      <c r="E33" s="291"/>
      <c r="F33" s="172"/>
      <c r="G33" s="172"/>
      <c r="H33" s="172"/>
      <c r="I33" s="172"/>
      <c r="J33" s="172"/>
      <c r="K33" s="172"/>
      <c r="L33" s="172"/>
      <c r="M33" s="172"/>
      <c r="N33" s="172"/>
      <c r="O33" s="172"/>
      <c r="P33" s="172"/>
      <c r="Q33" s="172"/>
      <c r="R33" s="172"/>
    </row>
    <row r="34" spans="2:18" ht="15" customHeight="1">
      <c r="B34" s="290"/>
      <c r="C34" s="286" t="s">
        <v>61</v>
      </c>
      <c r="D34" s="286"/>
      <c r="E34" s="286"/>
      <c r="F34" s="178"/>
      <c r="G34" s="178"/>
      <c r="H34" s="178"/>
      <c r="I34" s="178"/>
      <c r="J34" s="178"/>
      <c r="K34" s="178"/>
      <c r="L34" s="178"/>
      <c r="M34" s="178"/>
      <c r="N34" s="178"/>
      <c r="O34" s="178"/>
      <c r="P34" s="178"/>
      <c r="Q34" s="178"/>
      <c r="R34" s="178"/>
    </row>
    <row r="35" spans="2:18" ht="15" customHeight="1">
      <c r="B35" s="287" t="s">
        <v>62</v>
      </c>
      <c r="C35" s="287"/>
      <c r="D35" s="287"/>
      <c r="E35" s="287"/>
      <c r="F35" s="172"/>
      <c r="G35" s="172"/>
      <c r="H35" s="172"/>
      <c r="I35" s="172"/>
      <c r="J35" s="172"/>
      <c r="K35" s="172"/>
      <c r="L35" s="172"/>
      <c r="M35" s="172"/>
      <c r="N35" s="172"/>
      <c r="O35" s="172"/>
      <c r="P35" s="172"/>
      <c r="Q35" s="172"/>
      <c r="R35" s="172"/>
    </row>
    <row r="36" spans="2:18" ht="15" customHeight="1" thickBot="1">
      <c r="B36" s="288" t="s">
        <v>63</v>
      </c>
      <c r="C36" s="288"/>
      <c r="D36" s="288"/>
      <c r="E36" s="288"/>
      <c r="F36" s="179"/>
      <c r="G36" s="179"/>
      <c r="H36" s="179"/>
      <c r="I36" s="179"/>
      <c r="J36" s="179"/>
      <c r="K36" s="179"/>
      <c r="L36" s="179"/>
      <c r="M36" s="179"/>
      <c r="N36" s="179"/>
      <c r="O36" s="179"/>
      <c r="P36" s="179"/>
      <c r="Q36" s="179"/>
      <c r="R36" s="179"/>
    </row>
    <row r="37" spans="2:18" ht="15" customHeight="1" thickTop="1">
      <c r="B37" s="285" t="s">
        <v>64</v>
      </c>
      <c r="C37" s="285"/>
      <c r="D37" s="285"/>
      <c r="E37" s="285"/>
      <c r="F37" s="180"/>
      <c r="G37" s="180"/>
      <c r="H37" s="180"/>
      <c r="I37" s="180"/>
      <c r="J37" s="180"/>
      <c r="K37" s="180"/>
      <c r="L37" s="180"/>
      <c r="M37" s="180"/>
      <c r="N37" s="180"/>
      <c r="O37" s="180"/>
      <c r="P37" s="180"/>
      <c r="Q37" s="180"/>
      <c r="R37" s="180"/>
    </row>
    <row r="38" spans="2:18" ht="12">
      <c r="B38" s="161"/>
      <c r="C38" s="162"/>
      <c r="D38" s="161"/>
      <c r="F38" s="161"/>
      <c r="G38" s="161"/>
      <c r="H38" s="161"/>
      <c r="I38" s="161"/>
      <c r="J38" s="161"/>
      <c r="K38" s="161"/>
      <c r="L38" s="161"/>
      <c r="M38" s="161"/>
      <c r="N38" s="161"/>
      <c r="O38" s="161"/>
      <c r="P38" s="161"/>
      <c r="Q38" s="161"/>
    </row>
  </sheetData>
  <sheetProtection selectLockedCells="1" selectUnlockedCells="1"/>
  <mergeCells count="20">
    <mergeCell ref="B37:E37"/>
    <mergeCell ref="C34:E34"/>
    <mergeCell ref="B35:E35"/>
    <mergeCell ref="B36:E36"/>
    <mergeCell ref="B6:B34"/>
    <mergeCell ref="D32:E32"/>
    <mergeCell ref="D33:E33"/>
    <mergeCell ref="D27:E27"/>
    <mergeCell ref="D28:E28"/>
    <mergeCell ref="D20:E20"/>
    <mergeCell ref="D21:E21"/>
    <mergeCell ref="D26:E26"/>
    <mergeCell ref="D31:E31"/>
    <mergeCell ref="O4:Q4"/>
    <mergeCell ref="I4:K4"/>
    <mergeCell ref="L4:N4"/>
    <mergeCell ref="R4:R5"/>
    <mergeCell ref="B4:E5"/>
    <mergeCell ref="D30:E30"/>
    <mergeCell ref="F4:H4"/>
  </mergeCells>
  <phoneticPr fontId="27"/>
  <printOptions horizontalCentered="1"/>
  <pageMargins left="0.59055118110236227" right="0.59055118110236227" top="0.78740157480314965" bottom="0.35433070866141736" header="0.51181102362204722" footer="0.27559055118110237"/>
  <pageSetup paperSize="9" scale="83" firstPageNumber="0" fitToHeight="0" orientation="landscape" horizontalDpi="300"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49"/>
  <sheetViews>
    <sheetView view="pageBreakPreview" zoomScale="85" zoomScaleNormal="100" zoomScaleSheetLayoutView="85" workbookViewId="0">
      <pane xSplit="4" ySplit="4" topLeftCell="E5" activePane="bottomRight" state="frozen"/>
      <selection pane="topRight" activeCell="E1" sqref="E1"/>
      <selection pane="bottomLeft" activeCell="A5" sqref="A5"/>
      <selection pane="bottomRight" activeCell="A2" sqref="A2"/>
    </sheetView>
  </sheetViews>
  <sheetFormatPr defaultRowHeight="15" customHeight="1"/>
  <cols>
    <col min="1" max="1" width="2.5" style="187" customWidth="1"/>
    <col min="2" max="3" width="2.625" style="187" customWidth="1"/>
    <col min="4" max="4" width="17.125" style="187" customWidth="1"/>
    <col min="5" max="19" width="9.625" style="187" customWidth="1"/>
    <col min="20" max="21" width="10.625" style="187" customWidth="1"/>
    <col min="22" max="16384" width="9" style="187"/>
  </cols>
  <sheetData>
    <row r="1" spans="1:21" s="5" customFormat="1" ht="18.600000000000001" customHeight="1">
      <c r="A1" s="26" t="s">
        <v>316</v>
      </c>
      <c r="B1" s="6"/>
      <c r="C1" s="6"/>
    </row>
    <row r="2" spans="1:21" s="5" customFormat="1" ht="26.45" customHeight="1">
      <c r="A2" s="251" t="s">
        <v>319</v>
      </c>
      <c r="B2" s="27"/>
      <c r="C2" s="27"/>
      <c r="D2" s="27"/>
      <c r="E2" s="27"/>
      <c r="F2" s="27"/>
      <c r="G2" s="27"/>
      <c r="H2" s="27"/>
      <c r="I2" s="27"/>
      <c r="J2" s="27"/>
      <c r="K2" s="27"/>
      <c r="L2" s="27"/>
      <c r="M2" s="27"/>
      <c r="N2" s="27"/>
      <c r="O2" s="27"/>
      <c r="P2" s="27"/>
      <c r="Q2" s="27"/>
      <c r="R2" s="27"/>
      <c r="S2" s="27"/>
      <c r="T2" s="28" t="s">
        <v>233</v>
      </c>
    </row>
    <row r="3" spans="1:21" ht="15" customHeight="1" thickBot="1">
      <c r="B3" s="311" t="s">
        <v>259</v>
      </c>
      <c r="C3" s="311"/>
      <c r="D3" s="311"/>
      <c r="E3" s="312" t="s">
        <v>215</v>
      </c>
      <c r="F3" s="312"/>
      <c r="G3" s="312"/>
      <c r="H3" s="312"/>
      <c r="I3" s="312"/>
      <c r="J3" s="312"/>
      <c r="K3" s="312"/>
      <c r="L3" s="312"/>
      <c r="M3" s="312"/>
      <c r="N3" s="312"/>
      <c r="O3" s="312"/>
      <c r="P3" s="312"/>
      <c r="Q3" s="312"/>
      <c r="R3" s="312"/>
      <c r="S3" s="312"/>
      <c r="T3" s="312"/>
      <c r="U3" s="304" t="s">
        <v>213</v>
      </c>
    </row>
    <row r="4" spans="1:21" ht="15" customHeight="1" thickTop="1" thickBot="1">
      <c r="B4" s="311"/>
      <c r="C4" s="311"/>
      <c r="D4" s="311"/>
      <c r="E4" s="233" t="s">
        <v>236</v>
      </c>
      <c r="F4" s="233" t="s">
        <v>237</v>
      </c>
      <c r="G4" s="233" t="s">
        <v>238</v>
      </c>
      <c r="H4" s="233" t="s">
        <v>239</v>
      </c>
      <c r="I4" s="233" t="s">
        <v>240</v>
      </c>
      <c r="J4" s="233" t="s">
        <v>241</v>
      </c>
      <c r="K4" s="233" t="s">
        <v>242</v>
      </c>
      <c r="L4" s="233" t="s">
        <v>243</v>
      </c>
      <c r="M4" s="233" t="s">
        <v>244</v>
      </c>
      <c r="N4" s="233" t="s">
        <v>245</v>
      </c>
      <c r="O4" s="233" t="s">
        <v>246</v>
      </c>
      <c r="P4" s="233" t="s">
        <v>247</v>
      </c>
      <c r="Q4" s="233" t="s">
        <v>248</v>
      </c>
      <c r="R4" s="233" t="s">
        <v>249</v>
      </c>
      <c r="S4" s="233" t="s">
        <v>250</v>
      </c>
      <c r="T4" s="233" t="s">
        <v>17</v>
      </c>
      <c r="U4" s="305"/>
    </row>
    <row r="5" spans="1:21" ht="15" customHeight="1" thickTop="1" thickBot="1">
      <c r="B5" s="296" t="s">
        <v>85</v>
      </c>
      <c r="C5" s="188" t="s">
        <v>70</v>
      </c>
      <c r="D5" s="189"/>
      <c r="E5" s="190"/>
      <c r="F5" s="190"/>
      <c r="G5" s="190"/>
      <c r="H5" s="190"/>
      <c r="I5" s="190"/>
      <c r="J5" s="190"/>
      <c r="K5" s="190"/>
      <c r="L5" s="190"/>
      <c r="M5" s="190"/>
      <c r="N5" s="190"/>
      <c r="O5" s="190"/>
      <c r="P5" s="190"/>
      <c r="Q5" s="190"/>
      <c r="R5" s="190"/>
      <c r="S5" s="190"/>
      <c r="T5" s="190"/>
      <c r="U5" s="190"/>
    </row>
    <row r="6" spans="1:21" ht="15" customHeight="1" thickTop="1" thickBot="1">
      <c r="B6" s="296"/>
      <c r="C6" s="191"/>
      <c r="D6" s="192" t="s">
        <v>71</v>
      </c>
      <c r="E6" s="193"/>
      <c r="F6" s="193"/>
      <c r="G6" s="193"/>
      <c r="H6" s="193"/>
      <c r="I6" s="193"/>
      <c r="J6" s="193"/>
      <c r="K6" s="193"/>
      <c r="L6" s="193"/>
      <c r="M6" s="193"/>
      <c r="N6" s="193"/>
      <c r="O6" s="193"/>
      <c r="P6" s="193"/>
      <c r="Q6" s="193"/>
      <c r="R6" s="193"/>
      <c r="S6" s="193"/>
      <c r="T6" s="193"/>
      <c r="U6" s="193"/>
    </row>
    <row r="7" spans="1:21" ht="15" customHeight="1" thickTop="1" thickBot="1">
      <c r="B7" s="296"/>
      <c r="C7" s="191"/>
      <c r="D7" s="255" t="s">
        <v>256</v>
      </c>
      <c r="E7" s="195"/>
      <c r="F7" s="195"/>
      <c r="G7" s="195"/>
      <c r="H7" s="195"/>
      <c r="I7" s="195"/>
      <c r="J7" s="195"/>
      <c r="K7" s="195"/>
      <c r="L7" s="195"/>
      <c r="M7" s="195"/>
      <c r="N7" s="195"/>
      <c r="O7" s="195"/>
      <c r="P7" s="195"/>
      <c r="Q7" s="195"/>
      <c r="R7" s="195"/>
      <c r="S7" s="195"/>
      <c r="T7" s="195"/>
      <c r="U7" s="195"/>
    </row>
    <row r="8" spans="1:21" ht="15" customHeight="1" thickTop="1" thickBot="1">
      <c r="B8" s="296"/>
      <c r="C8" s="191"/>
      <c r="D8" s="255" t="s">
        <v>72</v>
      </c>
      <c r="E8" s="195"/>
      <c r="F8" s="195"/>
      <c r="G8" s="195"/>
      <c r="H8" s="195"/>
      <c r="I8" s="195"/>
      <c r="J8" s="195"/>
      <c r="K8" s="195"/>
      <c r="L8" s="195"/>
      <c r="M8" s="195"/>
      <c r="N8" s="195"/>
      <c r="O8" s="195"/>
      <c r="P8" s="195"/>
      <c r="Q8" s="195"/>
      <c r="R8" s="195"/>
      <c r="S8" s="195"/>
      <c r="T8" s="195"/>
      <c r="U8" s="195"/>
    </row>
    <row r="9" spans="1:21" ht="15" customHeight="1" thickTop="1" thickBot="1">
      <c r="B9" s="296"/>
      <c r="C9" s="191"/>
      <c r="D9" s="255" t="s">
        <v>73</v>
      </c>
      <c r="E9" s="195"/>
      <c r="F9" s="195"/>
      <c r="G9" s="195"/>
      <c r="H9" s="195"/>
      <c r="I9" s="195"/>
      <c r="J9" s="195"/>
      <c r="K9" s="195"/>
      <c r="L9" s="195"/>
      <c r="M9" s="195"/>
      <c r="N9" s="195"/>
      <c r="O9" s="195"/>
      <c r="P9" s="195"/>
      <c r="Q9" s="195"/>
      <c r="R9" s="195"/>
      <c r="S9" s="195"/>
      <c r="T9" s="195"/>
      <c r="U9" s="195"/>
    </row>
    <row r="10" spans="1:21" ht="15" customHeight="1" thickTop="1" thickBot="1">
      <c r="B10" s="296"/>
      <c r="C10" s="191"/>
      <c r="D10" s="255" t="s">
        <v>74</v>
      </c>
      <c r="E10" s="195"/>
      <c r="F10" s="195"/>
      <c r="G10" s="195"/>
      <c r="H10" s="195"/>
      <c r="I10" s="195"/>
      <c r="J10" s="195"/>
      <c r="K10" s="195"/>
      <c r="L10" s="195"/>
      <c r="M10" s="195"/>
      <c r="N10" s="195"/>
      <c r="O10" s="195"/>
      <c r="P10" s="195"/>
      <c r="Q10" s="195"/>
      <c r="R10" s="195"/>
      <c r="S10" s="195"/>
      <c r="T10" s="195"/>
      <c r="U10" s="195"/>
    </row>
    <row r="11" spans="1:21" ht="15" customHeight="1" thickTop="1" thickBot="1">
      <c r="B11" s="296"/>
      <c r="C11" s="196"/>
      <c r="D11" s="197" t="s">
        <v>258</v>
      </c>
      <c r="E11" s="198"/>
      <c r="F11" s="198"/>
      <c r="G11" s="198"/>
      <c r="H11" s="198"/>
      <c r="I11" s="198"/>
      <c r="J11" s="198"/>
      <c r="K11" s="198"/>
      <c r="L11" s="198"/>
      <c r="M11" s="198"/>
      <c r="N11" s="198"/>
      <c r="O11" s="198"/>
      <c r="P11" s="198"/>
      <c r="Q11" s="198"/>
      <c r="R11" s="198"/>
      <c r="S11" s="198"/>
      <c r="T11" s="198"/>
      <c r="U11" s="198"/>
    </row>
    <row r="12" spans="1:21" ht="15" customHeight="1" thickTop="1" thickBot="1">
      <c r="B12" s="296"/>
      <c r="C12" s="199" t="s">
        <v>66</v>
      </c>
      <c r="D12" s="189"/>
      <c r="E12" s="190"/>
      <c r="F12" s="190"/>
      <c r="G12" s="190"/>
      <c r="H12" s="190"/>
      <c r="I12" s="190"/>
      <c r="J12" s="190"/>
      <c r="K12" s="190"/>
      <c r="L12" s="190"/>
      <c r="M12" s="190"/>
      <c r="N12" s="190"/>
      <c r="O12" s="190"/>
      <c r="P12" s="190"/>
      <c r="Q12" s="190"/>
      <c r="R12" s="190"/>
      <c r="S12" s="190"/>
      <c r="T12" s="190"/>
      <c r="U12" s="190"/>
    </row>
    <row r="13" spans="1:21" ht="15" customHeight="1" thickTop="1" thickBot="1">
      <c r="B13" s="296"/>
      <c r="C13" s="187" t="s">
        <v>178</v>
      </c>
      <c r="D13" s="200"/>
      <c r="E13" s="201"/>
      <c r="F13" s="201"/>
      <c r="G13" s="201"/>
      <c r="H13" s="201"/>
      <c r="I13" s="201"/>
      <c r="J13" s="201"/>
      <c r="K13" s="201"/>
      <c r="L13" s="201"/>
      <c r="M13" s="201"/>
      <c r="N13" s="201"/>
      <c r="O13" s="201"/>
      <c r="P13" s="201"/>
      <c r="Q13" s="201"/>
      <c r="R13" s="201"/>
      <c r="S13" s="201"/>
      <c r="T13" s="201"/>
      <c r="U13" s="201"/>
    </row>
    <row r="14" spans="1:21" ht="15" customHeight="1" thickTop="1" thickBot="1">
      <c r="B14" s="296"/>
      <c r="C14" s="191"/>
      <c r="D14" s="253" t="s">
        <v>76</v>
      </c>
      <c r="E14" s="193"/>
      <c r="F14" s="193"/>
      <c r="G14" s="193"/>
      <c r="H14" s="193"/>
      <c r="I14" s="193"/>
      <c r="J14" s="193"/>
      <c r="K14" s="193"/>
      <c r="L14" s="193"/>
      <c r="M14" s="193"/>
      <c r="N14" s="193"/>
      <c r="O14" s="193"/>
      <c r="P14" s="193"/>
      <c r="Q14" s="193"/>
      <c r="R14" s="193"/>
      <c r="S14" s="193"/>
      <c r="T14" s="193"/>
      <c r="U14" s="193"/>
    </row>
    <row r="15" spans="1:21" ht="15" customHeight="1" thickTop="1" thickBot="1">
      <c r="B15" s="296"/>
      <c r="C15" s="191"/>
      <c r="D15" s="203" t="s">
        <v>77</v>
      </c>
      <c r="E15" s="204"/>
      <c r="F15" s="204"/>
      <c r="G15" s="204"/>
      <c r="H15" s="204"/>
      <c r="I15" s="204"/>
      <c r="J15" s="204"/>
      <c r="K15" s="204"/>
      <c r="L15" s="204"/>
      <c r="M15" s="204"/>
      <c r="N15" s="204"/>
      <c r="O15" s="204"/>
      <c r="P15" s="204"/>
      <c r="Q15" s="204"/>
      <c r="R15" s="204"/>
      <c r="S15" s="204"/>
      <c r="T15" s="204"/>
      <c r="U15" s="204"/>
    </row>
    <row r="16" spans="1:21" ht="15" customHeight="1" thickTop="1" thickBot="1">
      <c r="B16" s="296"/>
      <c r="C16" s="191"/>
      <c r="D16" s="203" t="s">
        <v>78</v>
      </c>
      <c r="E16" s="204"/>
      <c r="F16" s="204"/>
      <c r="G16" s="204"/>
      <c r="H16" s="204"/>
      <c r="I16" s="204"/>
      <c r="J16" s="204"/>
      <c r="K16" s="204"/>
      <c r="L16" s="204"/>
      <c r="M16" s="204"/>
      <c r="N16" s="204"/>
      <c r="O16" s="204"/>
      <c r="P16" s="204"/>
      <c r="Q16" s="204"/>
      <c r="R16" s="204"/>
      <c r="S16" s="204"/>
      <c r="T16" s="204"/>
      <c r="U16" s="204"/>
    </row>
    <row r="17" spans="2:21" ht="15" customHeight="1" thickTop="1" thickBot="1">
      <c r="B17" s="296"/>
      <c r="C17" s="191"/>
      <c r="D17" s="203" t="s">
        <v>79</v>
      </c>
      <c r="E17" s="204"/>
      <c r="F17" s="204"/>
      <c r="G17" s="204"/>
      <c r="H17" s="204"/>
      <c r="I17" s="204"/>
      <c r="J17" s="204"/>
      <c r="K17" s="204"/>
      <c r="L17" s="204"/>
      <c r="M17" s="204"/>
      <c r="N17" s="204"/>
      <c r="O17" s="204"/>
      <c r="P17" s="204"/>
      <c r="Q17" s="204"/>
      <c r="R17" s="204"/>
      <c r="S17" s="204"/>
      <c r="T17" s="204"/>
      <c r="U17" s="204"/>
    </row>
    <row r="18" spans="2:21" ht="15" customHeight="1" thickTop="1" thickBot="1">
      <c r="B18" s="296"/>
      <c r="C18" s="191"/>
      <c r="D18" s="203" t="s">
        <v>80</v>
      </c>
      <c r="E18" s="204"/>
      <c r="F18" s="204"/>
      <c r="G18" s="204"/>
      <c r="H18" s="204"/>
      <c r="I18" s="204"/>
      <c r="J18" s="204"/>
      <c r="K18" s="204"/>
      <c r="L18" s="204"/>
      <c r="M18" s="204"/>
      <c r="N18" s="204"/>
      <c r="O18" s="204"/>
      <c r="P18" s="204"/>
      <c r="Q18" s="204"/>
      <c r="R18" s="204"/>
      <c r="S18" s="204"/>
      <c r="T18" s="204"/>
      <c r="U18" s="204"/>
    </row>
    <row r="19" spans="2:21" ht="15" customHeight="1" thickTop="1" thickBot="1">
      <c r="B19" s="296"/>
      <c r="C19" s="191"/>
      <c r="D19" s="205" t="s">
        <v>61</v>
      </c>
      <c r="E19" s="206"/>
      <c r="F19" s="206"/>
      <c r="G19" s="206"/>
      <c r="H19" s="206"/>
      <c r="I19" s="206"/>
      <c r="J19" s="206"/>
      <c r="K19" s="206"/>
      <c r="L19" s="206"/>
      <c r="M19" s="206"/>
      <c r="N19" s="206"/>
      <c r="O19" s="206"/>
      <c r="P19" s="206"/>
      <c r="Q19" s="206"/>
      <c r="R19" s="206"/>
      <c r="S19" s="206"/>
      <c r="T19" s="206"/>
      <c r="U19" s="206"/>
    </row>
    <row r="20" spans="2:21" ht="15" customHeight="1" thickTop="1" thickBot="1">
      <c r="B20" s="296"/>
      <c r="C20" s="207" t="s">
        <v>65</v>
      </c>
      <c r="D20" s="208"/>
      <c r="E20" s="209"/>
      <c r="F20" s="209"/>
      <c r="G20" s="209"/>
      <c r="H20" s="209"/>
      <c r="I20" s="209"/>
      <c r="J20" s="209"/>
      <c r="K20" s="209"/>
      <c r="L20" s="209"/>
      <c r="M20" s="209"/>
      <c r="N20" s="209"/>
      <c r="O20" s="209"/>
      <c r="P20" s="209"/>
      <c r="Q20" s="209"/>
      <c r="R20" s="209"/>
      <c r="S20" s="209"/>
      <c r="T20" s="209"/>
      <c r="U20" s="209"/>
    </row>
    <row r="21" spans="2:21" ht="15" customHeight="1" thickTop="1" thickBot="1">
      <c r="B21" s="296"/>
      <c r="D21" s="210" t="s">
        <v>81</v>
      </c>
      <c r="E21" s="193"/>
      <c r="F21" s="193"/>
      <c r="G21" s="193"/>
      <c r="H21" s="193"/>
      <c r="I21" s="193"/>
      <c r="J21" s="193"/>
      <c r="K21" s="193"/>
      <c r="L21" s="193"/>
      <c r="M21" s="193"/>
      <c r="N21" s="193"/>
      <c r="O21" s="193"/>
      <c r="P21" s="193"/>
      <c r="Q21" s="193"/>
      <c r="R21" s="193"/>
      <c r="S21" s="193"/>
      <c r="T21" s="193"/>
      <c r="U21" s="193"/>
    </row>
    <row r="22" spans="2:21" ht="15" customHeight="1" thickTop="1" thickBot="1">
      <c r="B22" s="296"/>
      <c r="D22" s="211" t="s">
        <v>82</v>
      </c>
      <c r="E22" s="204"/>
      <c r="F22" s="204"/>
      <c r="G22" s="204"/>
      <c r="H22" s="204"/>
      <c r="I22" s="204"/>
      <c r="J22" s="204"/>
      <c r="K22" s="204"/>
      <c r="L22" s="204"/>
      <c r="M22" s="204"/>
      <c r="N22" s="204"/>
      <c r="O22" s="204"/>
      <c r="P22" s="204"/>
      <c r="Q22" s="204"/>
      <c r="R22" s="204"/>
      <c r="S22" s="204"/>
      <c r="T22" s="204"/>
      <c r="U22" s="204"/>
    </row>
    <row r="23" spans="2:21" ht="15" customHeight="1" thickTop="1" thickBot="1">
      <c r="B23" s="296"/>
      <c r="C23" s="200"/>
      <c r="D23" s="254" t="s">
        <v>83</v>
      </c>
      <c r="E23" s="195"/>
      <c r="F23" s="195"/>
      <c r="G23" s="195"/>
      <c r="H23" s="195"/>
      <c r="I23" s="195"/>
      <c r="J23" s="195"/>
      <c r="K23" s="195"/>
      <c r="L23" s="195"/>
      <c r="M23" s="195"/>
      <c r="N23" s="195"/>
      <c r="O23" s="195"/>
      <c r="P23" s="195"/>
      <c r="Q23" s="195"/>
      <c r="R23" s="195"/>
      <c r="S23" s="195"/>
      <c r="T23" s="195"/>
      <c r="U23" s="195"/>
    </row>
    <row r="24" spans="2:21" ht="15" customHeight="1" thickTop="1" thickBot="1">
      <c r="B24" s="296"/>
      <c r="C24" s="200"/>
      <c r="D24" s="254" t="s">
        <v>67</v>
      </c>
      <c r="E24" s="195"/>
      <c r="F24" s="195"/>
      <c r="G24" s="195"/>
      <c r="H24" s="195"/>
      <c r="I24" s="195"/>
      <c r="J24" s="195"/>
      <c r="K24" s="195"/>
      <c r="L24" s="195"/>
      <c r="M24" s="195"/>
      <c r="N24" s="195"/>
      <c r="O24" s="195"/>
      <c r="P24" s="195"/>
      <c r="Q24" s="195"/>
      <c r="R24" s="195"/>
      <c r="S24" s="195"/>
      <c r="T24" s="195"/>
      <c r="U24" s="195"/>
    </row>
    <row r="25" spans="2:21" ht="15" customHeight="1" thickTop="1" thickBot="1">
      <c r="B25" s="296"/>
      <c r="C25" s="200"/>
      <c r="D25" s="254" t="s">
        <v>258</v>
      </c>
      <c r="E25" s="195"/>
      <c r="F25" s="195"/>
      <c r="G25" s="195"/>
      <c r="H25" s="195"/>
      <c r="I25" s="195"/>
      <c r="J25" s="195"/>
      <c r="K25" s="195"/>
      <c r="L25" s="195"/>
      <c r="M25" s="195"/>
      <c r="N25" s="195"/>
      <c r="O25" s="195"/>
      <c r="P25" s="195"/>
      <c r="Q25" s="195"/>
      <c r="R25" s="195"/>
      <c r="S25" s="195"/>
      <c r="T25" s="195"/>
      <c r="U25" s="195"/>
    </row>
    <row r="26" spans="2:21" ht="15" customHeight="1" thickTop="1" thickBot="1">
      <c r="B26" s="296"/>
      <c r="C26" s="200"/>
      <c r="D26" s="254"/>
      <c r="E26" s="195"/>
      <c r="F26" s="195"/>
      <c r="G26" s="195"/>
      <c r="H26" s="195"/>
      <c r="I26" s="195"/>
      <c r="J26" s="195"/>
      <c r="K26" s="195"/>
      <c r="L26" s="195"/>
      <c r="M26" s="195"/>
      <c r="N26" s="195"/>
      <c r="O26" s="195"/>
      <c r="P26" s="195"/>
      <c r="Q26" s="195"/>
      <c r="R26" s="195"/>
      <c r="S26" s="195"/>
      <c r="T26" s="195"/>
      <c r="U26" s="195"/>
    </row>
    <row r="27" spans="2:21" ht="15" customHeight="1" thickTop="1" thickBot="1">
      <c r="B27" s="296"/>
      <c r="C27" s="200"/>
      <c r="D27" s="254"/>
      <c r="E27" s="195"/>
      <c r="F27" s="195"/>
      <c r="G27" s="195"/>
      <c r="H27" s="195"/>
      <c r="I27" s="195"/>
      <c r="J27" s="195"/>
      <c r="K27" s="195"/>
      <c r="L27" s="195"/>
      <c r="M27" s="195"/>
      <c r="N27" s="195"/>
      <c r="O27" s="195"/>
      <c r="P27" s="195"/>
      <c r="Q27" s="195"/>
      <c r="R27" s="195"/>
      <c r="S27" s="195"/>
      <c r="T27" s="195"/>
      <c r="U27" s="195"/>
    </row>
    <row r="28" spans="2:21" ht="15" customHeight="1" thickTop="1" thickBot="1">
      <c r="B28" s="296"/>
      <c r="C28" s="200"/>
      <c r="D28" s="213" t="s">
        <v>61</v>
      </c>
      <c r="E28" s="206"/>
      <c r="F28" s="206"/>
      <c r="G28" s="206"/>
      <c r="H28" s="206"/>
      <c r="I28" s="206"/>
      <c r="J28" s="206"/>
      <c r="K28" s="206"/>
      <c r="L28" s="206"/>
      <c r="M28" s="206"/>
      <c r="N28" s="206"/>
      <c r="O28" s="206"/>
      <c r="P28" s="206"/>
      <c r="Q28" s="206"/>
      <c r="R28" s="206"/>
      <c r="S28" s="206"/>
      <c r="T28" s="206"/>
      <c r="U28" s="206"/>
    </row>
    <row r="29" spans="2:21" ht="15" customHeight="1" thickTop="1">
      <c r="B29" s="296"/>
      <c r="C29" s="199" t="s">
        <v>84</v>
      </c>
      <c r="D29" s="214"/>
      <c r="E29" s="190"/>
      <c r="F29" s="190"/>
      <c r="G29" s="190"/>
      <c r="H29" s="190"/>
      <c r="I29" s="190"/>
      <c r="J29" s="190"/>
      <c r="K29" s="190"/>
      <c r="L29" s="190"/>
      <c r="M29" s="190"/>
      <c r="N29" s="190"/>
      <c r="O29" s="190"/>
      <c r="P29" s="190"/>
      <c r="Q29" s="190"/>
      <c r="R29" s="190"/>
      <c r="S29" s="190"/>
      <c r="T29" s="190"/>
      <c r="U29" s="190"/>
    </row>
    <row r="30" spans="2:21" ht="15" customHeight="1">
      <c r="B30" s="299" t="s">
        <v>86</v>
      </c>
      <c r="C30" s="315"/>
      <c r="D30" s="316"/>
      <c r="E30" s="193"/>
      <c r="F30" s="193"/>
      <c r="G30" s="193"/>
      <c r="H30" s="193"/>
      <c r="I30" s="193"/>
      <c r="J30" s="193"/>
      <c r="K30" s="193"/>
      <c r="L30" s="193"/>
      <c r="M30" s="193"/>
      <c r="N30" s="193"/>
      <c r="O30" s="193"/>
      <c r="P30" s="193"/>
      <c r="Q30" s="193"/>
      <c r="R30" s="193"/>
      <c r="S30" s="193"/>
      <c r="T30" s="193"/>
      <c r="U30" s="193"/>
    </row>
    <row r="31" spans="2:21" ht="15" customHeight="1">
      <c r="B31" s="300"/>
      <c r="C31" s="317"/>
      <c r="D31" s="318"/>
      <c r="E31" s="195"/>
      <c r="F31" s="195"/>
      <c r="G31" s="195"/>
      <c r="H31" s="195"/>
      <c r="I31" s="195"/>
      <c r="J31" s="195"/>
      <c r="K31" s="195"/>
      <c r="L31" s="195"/>
      <c r="M31" s="195"/>
      <c r="N31" s="195"/>
      <c r="O31" s="195"/>
      <c r="P31" s="195"/>
      <c r="Q31" s="195"/>
      <c r="R31" s="195"/>
      <c r="S31" s="195"/>
      <c r="T31" s="195"/>
      <c r="U31" s="195"/>
    </row>
    <row r="32" spans="2:21" ht="15" customHeight="1">
      <c r="B32" s="300"/>
      <c r="C32" s="319"/>
      <c r="D32" s="320"/>
      <c r="E32" s="198"/>
      <c r="F32" s="198"/>
      <c r="G32" s="198"/>
      <c r="H32" s="198"/>
      <c r="I32" s="198"/>
      <c r="J32" s="198"/>
      <c r="K32" s="198"/>
      <c r="L32" s="198"/>
      <c r="M32" s="198"/>
      <c r="N32" s="198"/>
      <c r="O32" s="198"/>
      <c r="P32" s="198"/>
      <c r="Q32" s="198"/>
      <c r="R32" s="198"/>
      <c r="S32" s="198"/>
      <c r="T32" s="198"/>
      <c r="U32" s="198"/>
    </row>
    <row r="33" spans="1:21" ht="15" customHeight="1">
      <c r="B33" s="301"/>
      <c r="C33" s="199" t="s">
        <v>84</v>
      </c>
      <c r="D33" s="189"/>
      <c r="E33" s="190"/>
      <c r="F33" s="190"/>
      <c r="G33" s="190"/>
      <c r="H33" s="190"/>
      <c r="I33" s="190"/>
      <c r="J33" s="190"/>
      <c r="K33" s="190"/>
      <c r="L33" s="190"/>
      <c r="M33" s="190"/>
      <c r="N33" s="190"/>
      <c r="O33" s="190"/>
      <c r="P33" s="190"/>
      <c r="Q33" s="190"/>
      <c r="R33" s="190"/>
      <c r="S33" s="190"/>
      <c r="T33" s="190"/>
      <c r="U33" s="190"/>
    </row>
    <row r="34" spans="1:21" ht="15" customHeight="1">
      <c r="B34" s="199" t="s">
        <v>212</v>
      </c>
      <c r="C34" s="214"/>
      <c r="D34" s="189"/>
      <c r="E34" s="190"/>
      <c r="F34" s="190"/>
      <c r="G34" s="190"/>
      <c r="H34" s="190"/>
      <c r="I34" s="190"/>
      <c r="J34" s="190"/>
      <c r="K34" s="190"/>
      <c r="L34" s="190"/>
      <c r="M34" s="190"/>
      <c r="N34" s="190"/>
      <c r="O34" s="190"/>
      <c r="P34" s="190"/>
      <c r="Q34" s="190"/>
      <c r="R34" s="190"/>
      <c r="S34" s="190"/>
      <c r="T34" s="190"/>
      <c r="U34" s="190"/>
    </row>
    <row r="35" spans="1:21" ht="15" customHeight="1">
      <c r="B35" s="187" t="s">
        <v>260</v>
      </c>
      <c r="E35" s="215"/>
      <c r="F35" s="215"/>
      <c r="G35" s="215"/>
      <c r="H35" s="215"/>
      <c r="I35" s="215"/>
      <c r="J35" s="215"/>
      <c r="K35" s="215"/>
      <c r="L35" s="215"/>
      <c r="M35" s="215"/>
      <c r="N35" s="215"/>
      <c r="O35" s="215"/>
      <c r="P35" s="215"/>
      <c r="Q35" s="215"/>
      <c r="R35" s="215"/>
      <c r="S35" s="215"/>
      <c r="T35" s="215"/>
    </row>
    <row r="36" spans="1:21" ht="15" customHeight="1">
      <c r="B36" s="187" t="s">
        <v>261</v>
      </c>
      <c r="E36" s="215"/>
      <c r="F36" s="215"/>
      <c r="G36" s="215"/>
      <c r="H36" s="215"/>
      <c r="I36" s="215"/>
      <c r="J36" s="215"/>
      <c r="K36" s="215"/>
      <c r="L36" s="215"/>
      <c r="M36" s="215"/>
      <c r="N36" s="215"/>
      <c r="O36" s="215"/>
      <c r="P36" s="215"/>
      <c r="Q36" s="215"/>
      <c r="R36" s="215"/>
      <c r="S36" s="215"/>
      <c r="T36" s="215"/>
    </row>
    <row r="37" spans="1:21" ht="15" customHeight="1">
      <c r="E37" s="215"/>
      <c r="F37" s="215"/>
      <c r="G37" s="215"/>
      <c r="H37" s="215"/>
      <c r="I37" s="215"/>
      <c r="J37" s="215"/>
      <c r="K37" s="215"/>
      <c r="L37" s="215"/>
      <c r="M37" s="215"/>
      <c r="N37" s="215"/>
      <c r="O37" s="215"/>
      <c r="P37" s="215"/>
      <c r="Q37" s="215"/>
      <c r="R37" s="215"/>
      <c r="S37" s="215"/>
      <c r="T37" s="215"/>
    </row>
    <row r="38" spans="1:21" ht="15" customHeight="1">
      <c r="B38" s="220"/>
      <c r="E38" s="215"/>
      <c r="F38" s="215"/>
      <c r="G38" s="215"/>
      <c r="H38" s="215"/>
      <c r="I38" s="215"/>
      <c r="J38" s="215"/>
      <c r="K38" s="215"/>
      <c r="L38" s="215"/>
      <c r="M38" s="215"/>
      <c r="N38" s="215"/>
      <c r="O38" s="215"/>
      <c r="P38" s="215"/>
      <c r="Q38" s="215"/>
      <c r="R38" s="215"/>
      <c r="S38" s="215"/>
      <c r="T38" s="215"/>
    </row>
    <row r="39" spans="1:21" ht="24.75" customHeight="1">
      <c r="A39" s="160" t="s">
        <v>186</v>
      </c>
    </row>
    <row r="40" spans="1:21" s="221" customFormat="1" ht="21.75" customHeight="1">
      <c r="C40" s="217" t="s">
        <v>188</v>
      </c>
      <c r="I40" s="217" t="s">
        <v>193</v>
      </c>
    </row>
    <row r="41" spans="1:21" s="221" customFormat="1" ht="15" customHeight="1" thickBot="1">
      <c r="D41" s="222" t="s">
        <v>168</v>
      </c>
      <c r="E41" s="297" t="s">
        <v>234</v>
      </c>
      <c r="F41" s="297"/>
      <c r="G41" s="298"/>
      <c r="I41" s="306" t="s">
        <v>168</v>
      </c>
      <c r="J41" s="298"/>
      <c r="K41" s="297" t="s">
        <v>235</v>
      </c>
      <c r="L41" s="297"/>
      <c r="M41" s="298"/>
    </row>
    <row r="42" spans="1:21" s="221" customFormat="1" ht="15" customHeight="1" thickTop="1">
      <c r="D42" s="223" t="s">
        <v>189</v>
      </c>
      <c r="E42" s="313"/>
      <c r="F42" s="314"/>
      <c r="G42" s="218" t="s">
        <v>187</v>
      </c>
      <c r="I42" s="307" t="s">
        <v>177</v>
      </c>
      <c r="J42" s="308"/>
      <c r="K42" s="313"/>
      <c r="L42" s="314"/>
      <c r="M42" s="218" t="s">
        <v>195</v>
      </c>
    </row>
    <row r="43" spans="1:21" ht="15" customHeight="1">
      <c r="D43" s="224" t="s">
        <v>190</v>
      </c>
      <c r="E43" s="302"/>
      <c r="F43" s="303"/>
      <c r="G43" s="219" t="s">
        <v>187</v>
      </c>
      <c r="I43" s="309" t="s">
        <v>191</v>
      </c>
      <c r="J43" s="310"/>
      <c r="K43" s="302"/>
      <c r="L43" s="303"/>
      <c r="M43" s="219" t="s">
        <v>195</v>
      </c>
    </row>
    <row r="44" spans="1:21" ht="15" customHeight="1">
      <c r="D44" s="224" t="s">
        <v>191</v>
      </c>
      <c r="E44" s="302"/>
      <c r="F44" s="303"/>
      <c r="G44" s="219" t="s">
        <v>187</v>
      </c>
      <c r="I44" s="309" t="s">
        <v>192</v>
      </c>
      <c r="J44" s="310"/>
      <c r="K44" s="302"/>
      <c r="L44" s="303"/>
      <c r="M44" s="219" t="s">
        <v>195</v>
      </c>
    </row>
    <row r="45" spans="1:21" ht="15" customHeight="1">
      <c r="D45" s="224" t="s">
        <v>192</v>
      </c>
      <c r="E45" s="302"/>
      <c r="F45" s="303"/>
      <c r="G45" s="219" t="s">
        <v>187</v>
      </c>
      <c r="I45" s="309" t="s">
        <v>194</v>
      </c>
      <c r="J45" s="310"/>
      <c r="K45" s="302"/>
      <c r="L45" s="303"/>
      <c r="M45" s="219" t="s">
        <v>195</v>
      </c>
    </row>
    <row r="46" spans="1:21" ht="15" customHeight="1">
      <c r="D46" s="224" t="s">
        <v>257</v>
      </c>
      <c r="E46" s="302"/>
      <c r="F46" s="303"/>
      <c r="G46" s="219" t="s">
        <v>187</v>
      </c>
      <c r="I46" s="309" t="s">
        <v>257</v>
      </c>
      <c r="J46" s="310"/>
      <c r="K46" s="302"/>
      <c r="L46" s="303"/>
      <c r="M46" s="219" t="s">
        <v>195</v>
      </c>
    </row>
    <row r="47" spans="1:21" ht="15" customHeight="1">
      <c r="D47" s="224" t="s">
        <v>257</v>
      </c>
      <c r="E47" s="302"/>
      <c r="F47" s="303"/>
      <c r="G47" s="219" t="s">
        <v>187</v>
      </c>
      <c r="I47" s="309" t="s">
        <v>257</v>
      </c>
      <c r="J47" s="310"/>
      <c r="K47" s="302"/>
      <c r="L47" s="303"/>
      <c r="M47" s="219" t="s">
        <v>195</v>
      </c>
    </row>
    <row r="48" spans="1:21" ht="15" customHeight="1">
      <c r="D48" s="224"/>
      <c r="E48" s="302"/>
      <c r="F48" s="303"/>
      <c r="G48" s="219" t="s">
        <v>187</v>
      </c>
      <c r="I48" s="309"/>
      <c r="J48" s="310"/>
      <c r="K48" s="302"/>
      <c r="L48" s="303"/>
      <c r="M48" s="219" t="s">
        <v>195</v>
      </c>
    </row>
    <row r="49" spans="4:13" ht="15" customHeight="1">
      <c r="D49" s="224" t="s">
        <v>185</v>
      </c>
      <c r="E49" s="302"/>
      <c r="F49" s="303"/>
      <c r="G49" s="219" t="s">
        <v>187</v>
      </c>
      <c r="I49" s="309" t="s">
        <v>185</v>
      </c>
      <c r="J49" s="310"/>
      <c r="K49" s="302"/>
      <c r="L49" s="303"/>
      <c r="M49" s="219" t="s">
        <v>195</v>
      </c>
    </row>
  </sheetData>
  <sheetProtection selectLockedCells="1" selectUnlockedCells="1"/>
  <mergeCells count="35">
    <mergeCell ref="E49:F49"/>
    <mergeCell ref="I49:J49"/>
    <mergeCell ref="K49:L49"/>
    <mergeCell ref="E47:F47"/>
    <mergeCell ref="I47:J47"/>
    <mergeCell ref="K47:L47"/>
    <mergeCell ref="E48:F48"/>
    <mergeCell ref="I48:J48"/>
    <mergeCell ref="K48:L48"/>
    <mergeCell ref="E45:F45"/>
    <mergeCell ref="I45:J45"/>
    <mergeCell ref="K45:L45"/>
    <mergeCell ref="E46:F46"/>
    <mergeCell ref="I46:J46"/>
    <mergeCell ref="K46:L46"/>
    <mergeCell ref="E43:F43"/>
    <mergeCell ref="I43:J43"/>
    <mergeCell ref="K43:L43"/>
    <mergeCell ref="E44:F44"/>
    <mergeCell ref="I44:J44"/>
    <mergeCell ref="K44:L44"/>
    <mergeCell ref="E41:G41"/>
    <mergeCell ref="I41:J41"/>
    <mergeCell ref="K41:M41"/>
    <mergeCell ref="E42:F42"/>
    <mergeCell ref="I42:J42"/>
    <mergeCell ref="K42:L42"/>
    <mergeCell ref="B3:D4"/>
    <mergeCell ref="E3:T3"/>
    <mergeCell ref="U3:U4"/>
    <mergeCell ref="B5:B29"/>
    <mergeCell ref="B30:B33"/>
    <mergeCell ref="C30:D30"/>
    <mergeCell ref="C31:D31"/>
    <mergeCell ref="C32:D32"/>
  </mergeCells>
  <phoneticPr fontId="27"/>
  <printOptions horizontalCentered="1"/>
  <pageMargins left="0.59055118110236227" right="0.47244094488188981" top="0.59055118110236227" bottom="0.59055118110236227" header="0.39370078740157483" footer="0.39370078740157483"/>
  <pageSetup paperSize="8" firstPageNumber="0" fitToHeight="0"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Z49"/>
  <sheetViews>
    <sheetView view="pageBreakPreview" zoomScale="85" zoomScaleNormal="100" zoomScaleSheetLayoutView="85" workbookViewId="0">
      <pane xSplit="4" ySplit="4" topLeftCell="E5" activePane="bottomRight" state="frozen"/>
      <selection pane="topRight" activeCell="E1" sqref="E1"/>
      <selection pane="bottomLeft" activeCell="A5" sqref="A5"/>
      <selection pane="bottomRight" activeCell="H42" sqref="H42"/>
    </sheetView>
  </sheetViews>
  <sheetFormatPr defaultRowHeight="15" customHeight="1"/>
  <cols>
    <col min="1" max="1" width="2.5" style="187" customWidth="1"/>
    <col min="2" max="3" width="2.625" style="187" customWidth="1"/>
    <col min="4" max="4" width="17.125" style="187" customWidth="1"/>
    <col min="5" max="24" width="9.625" style="187" customWidth="1"/>
    <col min="25" max="26" width="10.625" style="187" customWidth="1"/>
    <col min="27" max="16384" width="9" style="187"/>
  </cols>
  <sheetData>
    <row r="1" spans="1:26" s="5" customFormat="1" ht="18.600000000000001" customHeight="1">
      <c r="A1" s="26" t="s">
        <v>318</v>
      </c>
      <c r="B1" s="6"/>
      <c r="C1" s="6"/>
    </row>
    <row r="2" spans="1:26" s="5" customFormat="1" ht="26.45" customHeight="1">
      <c r="A2" s="251" t="s">
        <v>317</v>
      </c>
      <c r="B2" s="27"/>
      <c r="C2" s="27"/>
      <c r="D2" s="27"/>
      <c r="E2" s="27"/>
      <c r="F2" s="27"/>
      <c r="G2" s="27"/>
      <c r="H2" s="27"/>
      <c r="I2" s="27"/>
      <c r="J2" s="27"/>
      <c r="K2" s="27"/>
      <c r="L2" s="27"/>
      <c r="M2" s="27"/>
      <c r="N2" s="27"/>
      <c r="O2" s="27"/>
      <c r="P2" s="27"/>
      <c r="Q2" s="27"/>
      <c r="R2" s="27"/>
      <c r="S2" s="27"/>
      <c r="T2" s="27"/>
      <c r="U2" s="27"/>
      <c r="V2" s="27"/>
      <c r="W2" s="27"/>
      <c r="X2" s="27"/>
      <c r="Y2" s="28" t="s">
        <v>233</v>
      </c>
    </row>
    <row r="3" spans="1:26" ht="15" customHeight="1" thickBot="1">
      <c r="B3" s="311" t="s">
        <v>259</v>
      </c>
      <c r="C3" s="311"/>
      <c r="D3" s="311"/>
      <c r="E3" s="312" t="s">
        <v>215</v>
      </c>
      <c r="F3" s="312"/>
      <c r="G3" s="312"/>
      <c r="H3" s="312"/>
      <c r="I3" s="312"/>
      <c r="J3" s="312"/>
      <c r="K3" s="312"/>
      <c r="L3" s="312"/>
      <c r="M3" s="312"/>
      <c r="N3" s="312"/>
      <c r="O3" s="312"/>
      <c r="P3" s="312"/>
      <c r="Q3" s="312"/>
      <c r="R3" s="312"/>
      <c r="S3" s="312"/>
      <c r="T3" s="312"/>
      <c r="U3" s="312"/>
      <c r="V3" s="312"/>
      <c r="W3" s="312"/>
      <c r="X3" s="312"/>
      <c r="Y3" s="312"/>
      <c r="Z3" s="304" t="s">
        <v>213</v>
      </c>
    </row>
    <row r="4" spans="1:26" ht="15" customHeight="1" thickTop="1" thickBot="1">
      <c r="B4" s="311"/>
      <c r="C4" s="311"/>
      <c r="D4" s="311"/>
      <c r="E4" s="233" t="s">
        <v>236</v>
      </c>
      <c r="F4" s="233" t="s">
        <v>237</v>
      </c>
      <c r="G4" s="233" t="s">
        <v>238</v>
      </c>
      <c r="H4" s="233" t="s">
        <v>239</v>
      </c>
      <c r="I4" s="233" t="s">
        <v>240</v>
      </c>
      <c r="J4" s="233" t="s">
        <v>241</v>
      </c>
      <c r="K4" s="233" t="s">
        <v>242</v>
      </c>
      <c r="L4" s="233" t="s">
        <v>243</v>
      </c>
      <c r="M4" s="233" t="s">
        <v>244</v>
      </c>
      <c r="N4" s="233" t="s">
        <v>245</v>
      </c>
      <c r="O4" s="233" t="s">
        <v>246</v>
      </c>
      <c r="P4" s="233" t="s">
        <v>247</v>
      </c>
      <c r="Q4" s="233" t="s">
        <v>248</v>
      </c>
      <c r="R4" s="233" t="s">
        <v>249</v>
      </c>
      <c r="S4" s="233" t="s">
        <v>250</v>
      </c>
      <c r="T4" s="233" t="s">
        <v>251</v>
      </c>
      <c r="U4" s="233" t="s">
        <v>252</v>
      </c>
      <c r="V4" s="233" t="s">
        <v>253</v>
      </c>
      <c r="W4" s="233" t="s">
        <v>254</v>
      </c>
      <c r="X4" s="233" t="s">
        <v>255</v>
      </c>
      <c r="Y4" s="233" t="s">
        <v>17</v>
      </c>
      <c r="Z4" s="305"/>
    </row>
    <row r="5" spans="1:26" ht="15" customHeight="1" thickTop="1" thickBot="1">
      <c r="B5" s="296" t="s">
        <v>85</v>
      </c>
      <c r="C5" s="188" t="s">
        <v>70</v>
      </c>
      <c r="D5" s="189"/>
      <c r="E5" s="190"/>
      <c r="F5" s="190"/>
      <c r="G5" s="190"/>
      <c r="H5" s="190"/>
      <c r="I5" s="190"/>
      <c r="J5" s="190"/>
      <c r="K5" s="190"/>
      <c r="L5" s="190"/>
      <c r="M5" s="190"/>
      <c r="N5" s="190"/>
      <c r="O5" s="190"/>
      <c r="P5" s="190"/>
      <c r="Q5" s="190"/>
      <c r="R5" s="190"/>
      <c r="S5" s="190"/>
      <c r="T5" s="190"/>
      <c r="U5" s="190"/>
      <c r="V5" s="190"/>
      <c r="W5" s="190"/>
      <c r="X5" s="190"/>
      <c r="Y5" s="190"/>
      <c r="Z5" s="190"/>
    </row>
    <row r="6" spans="1:26" ht="15" customHeight="1" thickTop="1" thickBot="1">
      <c r="B6" s="296"/>
      <c r="C6" s="191"/>
      <c r="D6" s="192" t="s">
        <v>71</v>
      </c>
      <c r="E6" s="193"/>
      <c r="F6" s="193"/>
      <c r="G6" s="193"/>
      <c r="H6" s="193"/>
      <c r="I6" s="193"/>
      <c r="J6" s="193"/>
      <c r="K6" s="193"/>
      <c r="L6" s="193"/>
      <c r="M6" s="193"/>
      <c r="N6" s="193"/>
      <c r="O6" s="193"/>
      <c r="P6" s="193"/>
      <c r="Q6" s="193"/>
      <c r="R6" s="193"/>
      <c r="S6" s="193"/>
      <c r="T6" s="193"/>
      <c r="U6" s="193"/>
      <c r="V6" s="193"/>
      <c r="W6" s="193"/>
      <c r="X6" s="193"/>
      <c r="Y6" s="193"/>
      <c r="Z6" s="193"/>
    </row>
    <row r="7" spans="1:26" ht="15" customHeight="1" thickTop="1" thickBot="1">
      <c r="B7" s="296"/>
      <c r="C7" s="191"/>
      <c r="D7" s="194" t="s">
        <v>256</v>
      </c>
      <c r="E7" s="195"/>
      <c r="F7" s="195"/>
      <c r="G7" s="195"/>
      <c r="H7" s="195"/>
      <c r="I7" s="195"/>
      <c r="J7" s="195"/>
      <c r="K7" s="195"/>
      <c r="L7" s="195"/>
      <c r="M7" s="195"/>
      <c r="N7" s="195"/>
      <c r="O7" s="195"/>
      <c r="P7" s="195"/>
      <c r="Q7" s="195"/>
      <c r="R7" s="195"/>
      <c r="S7" s="195"/>
      <c r="T7" s="195"/>
      <c r="U7" s="195"/>
      <c r="V7" s="195"/>
      <c r="W7" s="195"/>
      <c r="X7" s="195"/>
      <c r="Y7" s="195"/>
      <c r="Z7" s="195"/>
    </row>
    <row r="8" spans="1:26" ht="15" customHeight="1" thickTop="1" thickBot="1">
      <c r="B8" s="296"/>
      <c r="C8" s="191"/>
      <c r="D8" s="194" t="s">
        <v>72</v>
      </c>
      <c r="E8" s="195"/>
      <c r="F8" s="195"/>
      <c r="G8" s="195"/>
      <c r="H8" s="195"/>
      <c r="I8" s="195"/>
      <c r="J8" s="195"/>
      <c r="K8" s="195"/>
      <c r="L8" s="195"/>
      <c r="M8" s="195"/>
      <c r="N8" s="195"/>
      <c r="O8" s="195"/>
      <c r="P8" s="195"/>
      <c r="Q8" s="195"/>
      <c r="R8" s="195"/>
      <c r="S8" s="195"/>
      <c r="T8" s="195"/>
      <c r="U8" s="195"/>
      <c r="V8" s="195"/>
      <c r="W8" s="195"/>
      <c r="X8" s="195"/>
      <c r="Y8" s="195"/>
      <c r="Z8" s="195"/>
    </row>
    <row r="9" spans="1:26" ht="15" customHeight="1" thickTop="1" thickBot="1">
      <c r="B9" s="296"/>
      <c r="C9" s="191"/>
      <c r="D9" s="194" t="s">
        <v>73</v>
      </c>
      <c r="E9" s="195"/>
      <c r="F9" s="195"/>
      <c r="G9" s="195"/>
      <c r="H9" s="195"/>
      <c r="I9" s="195"/>
      <c r="J9" s="195"/>
      <c r="K9" s="195"/>
      <c r="L9" s="195"/>
      <c r="M9" s="195"/>
      <c r="N9" s="195"/>
      <c r="O9" s="195"/>
      <c r="P9" s="195"/>
      <c r="Q9" s="195"/>
      <c r="R9" s="195"/>
      <c r="S9" s="195"/>
      <c r="T9" s="195"/>
      <c r="U9" s="195"/>
      <c r="V9" s="195"/>
      <c r="W9" s="195"/>
      <c r="X9" s="195"/>
      <c r="Y9" s="195"/>
      <c r="Z9" s="195"/>
    </row>
    <row r="10" spans="1:26" ht="15" customHeight="1" thickTop="1" thickBot="1">
      <c r="B10" s="296"/>
      <c r="C10" s="191"/>
      <c r="D10" s="194" t="s">
        <v>74</v>
      </c>
      <c r="E10" s="195"/>
      <c r="F10" s="195"/>
      <c r="G10" s="195"/>
      <c r="H10" s="195"/>
      <c r="I10" s="195"/>
      <c r="J10" s="195"/>
      <c r="K10" s="195"/>
      <c r="L10" s="195"/>
      <c r="M10" s="195"/>
      <c r="N10" s="195"/>
      <c r="O10" s="195"/>
      <c r="P10" s="195"/>
      <c r="Q10" s="195"/>
      <c r="R10" s="195"/>
      <c r="S10" s="195"/>
      <c r="T10" s="195"/>
      <c r="U10" s="195"/>
      <c r="V10" s="195"/>
      <c r="W10" s="195"/>
      <c r="X10" s="195"/>
      <c r="Y10" s="195"/>
      <c r="Z10" s="195"/>
    </row>
    <row r="11" spans="1:26" ht="15" customHeight="1" thickTop="1" thickBot="1">
      <c r="B11" s="296"/>
      <c r="C11" s="196"/>
      <c r="D11" s="197" t="s">
        <v>258</v>
      </c>
      <c r="E11" s="198"/>
      <c r="F11" s="198"/>
      <c r="G11" s="198"/>
      <c r="H11" s="198"/>
      <c r="I11" s="198"/>
      <c r="J11" s="198"/>
      <c r="K11" s="198"/>
      <c r="L11" s="198"/>
      <c r="M11" s="198"/>
      <c r="N11" s="198"/>
      <c r="O11" s="198"/>
      <c r="P11" s="198"/>
      <c r="Q11" s="198"/>
      <c r="R11" s="198"/>
      <c r="S11" s="198"/>
      <c r="T11" s="198"/>
      <c r="U11" s="198"/>
      <c r="V11" s="198"/>
      <c r="W11" s="198"/>
      <c r="X11" s="198"/>
      <c r="Y11" s="198"/>
      <c r="Z11" s="198"/>
    </row>
    <row r="12" spans="1:26" ht="15" customHeight="1" thickTop="1" thickBot="1">
      <c r="B12" s="296"/>
      <c r="C12" s="199" t="s">
        <v>66</v>
      </c>
      <c r="D12" s="189"/>
      <c r="E12" s="190"/>
      <c r="F12" s="190"/>
      <c r="G12" s="190"/>
      <c r="H12" s="190"/>
      <c r="I12" s="190"/>
      <c r="J12" s="190"/>
      <c r="K12" s="190"/>
      <c r="L12" s="190"/>
      <c r="M12" s="190"/>
      <c r="N12" s="190"/>
      <c r="O12" s="190"/>
      <c r="P12" s="190"/>
      <c r="Q12" s="190"/>
      <c r="R12" s="190"/>
      <c r="S12" s="190"/>
      <c r="T12" s="190"/>
      <c r="U12" s="190"/>
      <c r="V12" s="190"/>
      <c r="W12" s="190"/>
      <c r="X12" s="190"/>
      <c r="Y12" s="190"/>
      <c r="Z12" s="190"/>
    </row>
    <row r="13" spans="1:26" ht="15" customHeight="1" thickTop="1" thickBot="1">
      <c r="B13" s="296"/>
      <c r="C13" s="187" t="s">
        <v>178</v>
      </c>
      <c r="D13" s="200"/>
      <c r="E13" s="201"/>
      <c r="F13" s="201"/>
      <c r="G13" s="201"/>
      <c r="H13" s="201"/>
      <c r="I13" s="201"/>
      <c r="J13" s="201"/>
      <c r="K13" s="201"/>
      <c r="L13" s="201"/>
      <c r="M13" s="201"/>
      <c r="N13" s="201"/>
      <c r="O13" s="201"/>
      <c r="P13" s="201"/>
      <c r="Q13" s="201"/>
      <c r="R13" s="201"/>
      <c r="S13" s="201"/>
      <c r="T13" s="201"/>
      <c r="U13" s="201"/>
      <c r="V13" s="201"/>
      <c r="W13" s="201"/>
      <c r="X13" s="201"/>
      <c r="Y13" s="201"/>
      <c r="Z13" s="201"/>
    </row>
    <row r="14" spans="1:26" ht="15" customHeight="1" thickTop="1" thickBot="1">
      <c r="B14" s="296"/>
      <c r="C14" s="191"/>
      <c r="D14" s="202" t="s">
        <v>76</v>
      </c>
      <c r="E14" s="193"/>
      <c r="F14" s="193"/>
      <c r="G14" s="193"/>
      <c r="H14" s="193"/>
      <c r="I14" s="193"/>
      <c r="J14" s="193"/>
      <c r="K14" s="193"/>
      <c r="L14" s="193"/>
      <c r="M14" s="193"/>
      <c r="N14" s="193"/>
      <c r="O14" s="193"/>
      <c r="P14" s="193"/>
      <c r="Q14" s="193"/>
      <c r="R14" s="193"/>
      <c r="S14" s="193"/>
      <c r="T14" s="193"/>
      <c r="U14" s="193"/>
      <c r="V14" s="193"/>
      <c r="W14" s="193"/>
      <c r="X14" s="193"/>
      <c r="Y14" s="193"/>
      <c r="Z14" s="193"/>
    </row>
    <row r="15" spans="1:26" ht="15" customHeight="1" thickTop="1" thickBot="1">
      <c r="B15" s="296"/>
      <c r="C15" s="191"/>
      <c r="D15" s="203" t="s">
        <v>77</v>
      </c>
      <c r="E15" s="204"/>
      <c r="F15" s="204"/>
      <c r="G15" s="204"/>
      <c r="H15" s="204"/>
      <c r="I15" s="204"/>
      <c r="J15" s="204"/>
      <c r="K15" s="204"/>
      <c r="L15" s="204"/>
      <c r="M15" s="204"/>
      <c r="N15" s="204"/>
      <c r="O15" s="204"/>
      <c r="P15" s="204"/>
      <c r="Q15" s="204"/>
      <c r="R15" s="204"/>
      <c r="S15" s="204"/>
      <c r="T15" s="204"/>
      <c r="U15" s="204"/>
      <c r="V15" s="204"/>
      <c r="W15" s="204"/>
      <c r="X15" s="204"/>
      <c r="Y15" s="204"/>
      <c r="Z15" s="204"/>
    </row>
    <row r="16" spans="1:26" ht="15" customHeight="1" thickTop="1" thickBot="1">
      <c r="B16" s="296"/>
      <c r="C16" s="191"/>
      <c r="D16" s="203" t="s">
        <v>78</v>
      </c>
      <c r="E16" s="204"/>
      <c r="F16" s="204"/>
      <c r="G16" s="204"/>
      <c r="H16" s="204"/>
      <c r="I16" s="204"/>
      <c r="J16" s="204"/>
      <c r="K16" s="204"/>
      <c r="L16" s="204"/>
      <c r="M16" s="204"/>
      <c r="N16" s="204"/>
      <c r="O16" s="204"/>
      <c r="P16" s="204"/>
      <c r="Q16" s="204"/>
      <c r="R16" s="204"/>
      <c r="S16" s="204"/>
      <c r="T16" s="204"/>
      <c r="U16" s="204"/>
      <c r="V16" s="204"/>
      <c r="W16" s="204"/>
      <c r="X16" s="204"/>
      <c r="Y16" s="204"/>
      <c r="Z16" s="204"/>
    </row>
    <row r="17" spans="2:26" ht="15" customHeight="1" thickTop="1" thickBot="1">
      <c r="B17" s="296"/>
      <c r="C17" s="191"/>
      <c r="D17" s="203" t="s">
        <v>79</v>
      </c>
      <c r="E17" s="204"/>
      <c r="F17" s="204"/>
      <c r="G17" s="204"/>
      <c r="H17" s="204"/>
      <c r="I17" s="204"/>
      <c r="J17" s="204"/>
      <c r="K17" s="204"/>
      <c r="L17" s="204"/>
      <c r="M17" s="204"/>
      <c r="N17" s="204"/>
      <c r="O17" s="204"/>
      <c r="P17" s="204"/>
      <c r="Q17" s="204"/>
      <c r="R17" s="204"/>
      <c r="S17" s="204"/>
      <c r="T17" s="204"/>
      <c r="U17" s="204"/>
      <c r="V17" s="204"/>
      <c r="W17" s="204"/>
      <c r="X17" s="204"/>
      <c r="Y17" s="204"/>
      <c r="Z17" s="204"/>
    </row>
    <row r="18" spans="2:26" ht="15" customHeight="1" thickTop="1" thickBot="1">
      <c r="B18" s="296"/>
      <c r="C18" s="191"/>
      <c r="D18" s="203" t="s">
        <v>80</v>
      </c>
      <c r="E18" s="204"/>
      <c r="F18" s="204"/>
      <c r="G18" s="204"/>
      <c r="H18" s="204"/>
      <c r="I18" s="204"/>
      <c r="J18" s="204"/>
      <c r="K18" s="204"/>
      <c r="L18" s="204"/>
      <c r="M18" s="204"/>
      <c r="N18" s="204"/>
      <c r="O18" s="204"/>
      <c r="P18" s="204"/>
      <c r="Q18" s="204"/>
      <c r="R18" s="204"/>
      <c r="S18" s="204"/>
      <c r="T18" s="204"/>
      <c r="U18" s="204"/>
      <c r="V18" s="204"/>
      <c r="W18" s="204"/>
      <c r="X18" s="204"/>
      <c r="Y18" s="204"/>
      <c r="Z18" s="204"/>
    </row>
    <row r="19" spans="2:26" ht="15" customHeight="1" thickTop="1" thickBot="1">
      <c r="B19" s="296"/>
      <c r="C19" s="191"/>
      <c r="D19" s="205" t="s">
        <v>61</v>
      </c>
      <c r="E19" s="206"/>
      <c r="F19" s="206"/>
      <c r="G19" s="206"/>
      <c r="H19" s="206"/>
      <c r="I19" s="206"/>
      <c r="J19" s="206"/>
      <c r="K19" s="206"/>
      <c r="L19" s="206"/>
      <c r="M19" s="206"/>
      <c r="N19" s="206"/>
      <c r="O19" s="206"/>
      <c r="P19" s="206"/>
      <c r="Q19" s="206"/>
      <c r="R19" s="206"/>
      <c r="S19" s="206"/>
      <c r="T19" s="206"/>
      <c r="U19" s="206"/>
      <c r="V19" s="206"/>
      <c r="W19" s="206"/>
      <c r="X19" s="206"/>
      <c r="Y19" s="206"/>
      <c r="Z19" s="206"/>
    </row>
    <row r="20" spans="2:26" ht="15" customHeight="1" thickTop="1" thickBot="1">
      <c r="B20" s="296"/>
      <c r="C20" s="207" t="s">
        <v>65</v>
      </c>
      <c r="D20" s="208"/>
      <c r="E20" s="209"/>
      <c r="F20" s="209"/>
      <c r="G20" s="209"/>
      <c r="H20" s="209"/>
      <c r="I20" s="209"/>
      <c r="J20" s="209"/>
      <c r="K20" s="209"/>
      <c r="L20" s="209"/>
      <c r="M20" s="209"/>
      <c r="N20" s="209"/>
      <c r="O20" s="209"/>
      <c r="P20" s="209"/>
      <c r="Q20" s="209"/>
      <c r="R20" s="209"/>
      <c r="S20" s="209"/>
      <c r="T20" s="209"/>
      <c r="U20" s="209"/>
      <c r="V20" s="209"/>
      <c r="W20" s="209"/>
      <c r="X20" s="209"/>
      <c r="Y20" s="209"/>
      <c r="Z20" s="209"/>
    </row>
    <row r="21" spans="2:26" ht="15" customHeight="1" thickTop="1" thickBot="1">
      <c r="B21" s="296"/>
      <c r="D21" s="210" t="s">
        <v>81</v>
      </c>
      <c r="E21" s="193"/>
      <c r="F21" s="193"/>
      <c r="G21" s="193"/>
      <c r="H21" s="193"/>
      <c r="I21" s="193"/>
      <c r="J21" s="193"/>
      <c r="K21" s="193"/>
      <c r="L21" s="193"/>
      <c r="M21" s="193"/>
      <c r="N21" s="193"/>
      <c r="O21" s="193"/>
      <c r="P21" s="193"/>
      <c r="Q21" s="193"/>
      <c r="R21" s="193"/>
      <c r="S21" s="193"/>
      <c r="T21" s="193"/>
      <c r="U21" s="193"/>
      <c r="V21" s="193"/>
      <c r="W21" s="193"/>
      <c r="X21" s="193"/>
      <c r="Y21" s="193"/>
      <c r="Z21" s="193"/>
    </row>
    <row r="22" spans="2:26" ht="15" customHeight="1" thickTop="1" thickBot="1">
      <c r="B22" s="296"/>
      <c r="D22" s="211" t="s">
        <v>82</v>
      </c>
      <c r="E22" s="204"/>
      <c r="F22" s="204"/>
      <c r="G22" s="204"/>
      <c r="H22" s="204"/>
      <c r="I22" s="204"/>
      <c r="J22" s="204"/>
      <c r="K22" s="204"/>
      <c r="L22" s="204"/>
      <c r="M22" s="204"/>
      <c r="N22" s="204"/>
      <c r="O22" s="204"/>
      <c r="P22" s="204"/>
      <c r="Q22" s="204"/>
      <c r="R22" s="204"/>
      <c r="S22" s="204"/>
      <c r="T22" s="204"/>
      <c r="U22" s="204"/>
      <c r="V22" s="204"/>
      <c r="W22" s="204"/>
      <c r="X22" s="204"/>
      <c r="Y22" s="204"/>
      <c r="Z22" s="204"/>
    </row>
    <row r="23" spans="2:26" ht="15" customHeight="1" thickTop="1" thickBot="1">
      <c r="B23" s="296"/>
      <c r="C23" s="200"/>
      <c r="D23" s="212" t="s">
        <v>83</v>
      </c>
      <c r="E23" s="195"/>
      <c r="F23" s="195"/>
      <c r="G23" s="195"/>
      <c r="H23" s="195"/>
      <c r="I23" s="195"/>
      <c r="J23" s="195"/>
      <c r="K23" s="195"/>
      <c r="L23" s="195"/>
      <c r="M23" s="195"/>
      <c r="N23" s="195"/>
      <c r="O23" s="195"/>
      <c r="P23" s="195"/>
      <c r="Q23" s="195"/>
      <c r="R23" s="195"/>
      <c r="S23" s="195"/>
      <c r="T23" s="195"/>
      <c r="U23" s="195"/>
      <c r="V23" s="195"/>
      <c r="W23" s="195"/>
      <c r="X23" s="195"/>
      <c r="Y23" s="195"/>
      <c r="Z23" s="195"/>
    </row>
    <row r="24" spans="2:26" ht="15" customHeight="1" thickTop="1" thickBot="1">
      <c r="B24" s="296"/>
      <c r="C24" s="200"/>
      <c r="D24" s="212" t="s">
        <v>67</v>
      </c>
      <c r="E24" s="195"/>
      <c r="F24" s="195"/>
      <c r="G24" s="195"/>
      <c r="H24" s="195"/>
      <c r="I24" s="195"/>
      <c r="J24" s="195"/>
      <c r="K24" s="195"/>
      <c r="L24" s="195"/>
      <c r="M24" s="195"/>
      <c r="N24" s="195"/>
      <c r="O24" s="195"/>
      <c r="P24" s="195"/>
      <c r="Q24" s="195"/>
      <c r="R24" s="195"/>
      <c r="S24" s="195"/>
      <c r="T24" s="195"/>
      <c r="U24" s="195"/>
      <c r="V24" s="195"/>
      <c r="W24" s="195"/>
      <c r="X24" s="195"/>
      <c r="Y24" s="195"/>
      <c r="Z24" s="195"/>
    </row>
    <row r="25" spans="2:26" ht="15" customHeight="1" thickTop="1" thickBot="1">
      <c r="B25" s="296"/>
      <c r="C25" s="200"/>
      <c r="D25" s="212" t="s">
        <v>258</v>
      </c>
      <c r="E25" s="195"/>
      <c r="F25" s="195"/>
      <c r="G25" s="195"/>
      <c r="H25" s="195"/>
      <c r="I25" s="195"/>
      <c r="J25" s="195"/>
      <c r="K25" s="195"/>
      <c r="L25" s="195"/>
      <c r="M25" s="195"/>
      <c r="N25" s="195"/>
      <c r="O25" s="195"/>
      <c r="P25" s="195"/>
      <c r="Q25" s="195"/>
      <c r="R25" s="195"/>
      <c r="S25" s="195"/>
      <c r="T25" s="195"/>
      <c r="U25" s="195"/>
      <c r="V25" s="195"/>
      <c r="W25" s="195"/>
      <c r="X25" s="195"/>
      <c r="Y25" s="195"/>
      <c r="Z25" s="195"/>
    </row>
    <row r="26" spans="2:26" ht="15" customHeight="1" thickTop="1" thickBot="1">
      <c r="B26" s="296"/>
      <c r="C26" s="200"/>
      <c r="D26" s="212"/>
      <c r="E26" s="195"/>
      <c r="F26" s="195"/>
      <c r="G26" s="195"/>
      <c r="H26" s="195"/>
      <c r="I26" s="195"/>
      <c r="J26" s="195"/>
      <c r="K26" s="195"/>
      <c r="L26" s="195"/>
      <c r="M26" s="195"/>
      <c r="N26" s="195"/>
      <c r="O26" s="195"/>
      <c r="P26" s="195"/>
      <c r="Q26" s="195"/>
      <c r="R26" s="195"/>
      <c r="S26" s="195"/>
      <c r="T26" s="195"/>
      <c r="U26" s="195"/>
      <c r="V26" s="195"/>
      <c r="W26" s="195"/>
      <c r="X26" s="195"/>
      <c r="Y26" s="195"/>
      <c r="Z26" s="195"/>
    </row>
    <row r="27" spans="2:26" ht="15" customHeight="1" thickTop="1" thickBot="1">
      <c r="B27" s="296"/>
      <c r="C27" s="200"/>
      <c r="D27" s="212"/>
      <c r="E27" s="195"/>
      <c r="F27" s="195"/>
      <c r="G27" s="195"/>
      <c r="H27" s="195"/>
      <c r="I27" s="195"/>
      <c r="J27" s="195"/>
      <c r="K27" s="195"/>
      <c r="L27" s="195"/>
      <c r="M27" s="195"/>
      <c r="N27" s="195"/>
      <c r="O27" s="195"/>
      <c r="P27" s="195"/>
      <c r="Q27" s="195"/>
      <c r="R27" s="195"/>
      <c r="S27" s="195"/>
      <c r="T27" s="195"/>
      <c r="U27" s="195"/>
      <c r="V27" s="195"/>
      <c r="W27" s="195"/>
      <c r="X27" s="195"/>
      <c r="Y27" s="195"/>
      <c r="Z27" s="195"/>
    </row>
    <row r="28" spans="2:26" ht="15" customHeight="1" thickTop="1" thickBot="1">
      <c r="B28" s="296"/>
      <c r="C28" s="200"/>
      <c r="D28" s="213" t="s">
        <v>61</v>
      </c>
      <c r="E28" s="206"/>
      <c r="F28" s="206"/>
      <c r="G28" s="206"/>
      <c r="H28" s="206"/>
      <c r="I28" s="206"/>
      <c r="J28" s="206"/>
      <c r="K28" s="206"/>
      <c r="L28" s="206"/>
      <c r="M28" s="206"/>
      <c r="N28" s="206"/>
      <c r="O28" s="206"/>
      <c r="P28" s="206"/>
      <c r="Q28" s="206"/>
      <c r="R28" s="206"/>
      <c r="S28" s="206"/>
      <c r="T28" s="206"/>
      <c r="U28" s="206"/>
      <c r="V28" s="206"/>
      <c r="W28" s="206"/>
      <c r="X28" s="206"/>
      <c r="Y28" s="206"/>
      <c r="Z28" s="206"/>
    </row>
    <row r="29" spans="2:26" ht="15" customHeight="1" thickTop="1">
      <c r="B29" s="296"/>
      <c r="C29" s="199" t="s">
        <v>84</v>
      </c>
      <c r="D29" s="214"/>
      <c r="E29" s="190"/>
      <c r="F29" s="190"/>
      <c r="G29" s="190"/>
      <c r="H29" s="190"/>
      <c r="I29" s="190"/>
      <c r="J29" s="190"/>
      <c r="K29" s="190"/>
      <c r="L29" s="190"/>
      <c r="M29" s="190"/>
      <c r="N29" s="190"/>
      <c r="O29" s="190"/>
      <c r="P29" s="190"/>
      <c r="Q29" s="190"/>
      <c r="R29" s="190"/>
      <c r="S29" s="190"/>
      <c r="T29" s="190"/>
      <c r="U29" s="190"/>
      <c r="V29" s="190"/>
      <c r="W29" s="190"/>
      <c r="X29" s="190"/>
      <c r="Y29" s="190"/>
      <c r="Z29" s="190"/>
    </row>
    <row r="30" spans="2:26" ht="15" customHeight="1">
      <c r="B30" s="299" t="s">
        <v>86</v>
      </c>
      <c r="C30" s="315"/>
      <c r="D30" s="316"/>
      <c r="E30" s="193"/>
      <c r="F30" s="193"/>
      <c r="G30" s="193"/>
      <c r="H30" s="193"/>
      <c r="I30" s="193"/>
      <c r="J30" s="193"/>
      <c r="K30" s="193"/>
      <c r="L30" s="193"/>
      <c r="M30" s="193"/>
      <c r="N30" s="193"/>
      <c r="O30" s="193"/>
      <c r="P30" s="193"/>
      <c r="Q30" s="193"/>
      <c r="R30" s="193"/>
      <c r="S30" s="193"/>
      <c r="T30" s="193"/>
      <c r="U30" s="193"/>
      <c r="V30" s="193"/>
      <c r="W30" s="193"/>
      <c r="X30" s="193"/>
      <c r="Y30" s="193"/>
      <c r="Z30" s="193"/>
    </row>
    <row r="31" spans="2:26" ht="15" customHeight="1">
      <c r="B31" s="300"/>
      <c r="C31" s="317"/>
      <c r="D31" s="318"/>
      <c r="E31" s="195"/>
      <c r="F31" s="195"/>
      <c r="G31" s="195"/>
      <c r="H31" s="195"/>
      <c r="I31" s="195"/>
      <c r="J31" s="195"/>
      <c r="K31" s="195"/>
      <c r="L31" s="195"/>
      <c r="M31" s="195"/>
      <c r="N31" s="195"/>
      <c r="O31" s="195"/>
      <c r="P31" s="195"/>
      <c r="Q31" s="195"/>
      <c r="R31" s="195"/>
      <c r="S31" s="195"/>
      <c r="T31" s="195"/>
      <c r="U31" s="195"/>
      <c r="V31" s="195"/>
      <c r="W31" s="195"/>
      <c r="X31" s="195"/>
      <c r="Y31" s="195"/>
      <c r="Z31" s="195"/>
    </row>
    <row r="32" spans="2:26" ht="15" customHeight="1">
      <c r="B32" s="300"/>
      <c r="C32" s="319"/>
      <c r="D32" s="320"/>
      <c r="E32" s="198"/>
      <c r="F32" s="198"/>
      <c r="G32" s="198"/>
      <c r="H32" s="198"/>
      <c r="I32" s="198"/>
      <c r="J32" s="198"/>
      <c r="K32" s="198"/>
      <c r="L32" s="198"/>
      <c r="M32" s="198"/>
      <c r="N32" s="198"/>
      <c r="O32" s="198"/>
      <c r="P32" s="198"/>
      <c r="Q32" s="198"/>
      <c r="R32" s="198"/>
      <c r="S32" s="198"/>
      <c r="T32" s="198"/>
      <c r="U32" s="198"/>
      <c r="V32" s="198"/>
      <c r="W32" s="198"/>
      <c r="X32" s="198"/>
      <c r="Y32" s="198"/>
      <c r="Z32" s="198"/>
    </row>
    <row r="33" spans="1:26" ht="15" customHeight="1">
      <c r="B33" s="301"/>
      <c r="C33" s="199" t="s">
        <v>84</v>
      </c>
      <c r="D33" s="189"/>
      <c r="E33" s="190"/>
      <c r="F33" s="190"/>
      <c r="G33" s="190"/>
      <c r="H33" s="190"/>
      <c r="I33" s="190"/>
      <c r="J33" s="190"/>
      <c r="K33" s="190"/>
      <c r="L33" s="190"/>
      <c r="M33" s="190"/>
      <c r="N33" s="190"/>
      <c r="O33" s="190"/>
      <c r="P33" s="190"/>
      <c r="Q33" s="190"/>
      <c r="R33" s="190"/>
      <c r="S33" s="190"/>
      <c r="T33" s="190"/>
      <c r="U33" s="190"/>
      <c r="V33" s="190"/>
      <c r="W33" s="190"/>
      <c r="X33" s="190"/>
      <c r="Y33" s="190"/>
      <c r="Z33" s="190"/>
    </row>
    <row r="34" spans="1:26" ht="15" customHeight="1">
      <c r="B34" s="199" t="s">
        <v>212</v>
      </c>
      <c r="C34" s="214"/>
      <c r="D34" s="189"/>
      <c r="E34" s="190"/>
      <c r="F34" s="190"/>
      <c r="G34" s="190"/>
      <c r="H34" s="190"/>
      <c r="I34" s="190"/>
      <c r="J34" s="190"/>
      <c r="K34" s="190"/>
      <c r="L34" s="190"/>
      <c r="M34" s="190"/>
      <c r="N34" s="190"/>
      <c r="O34" s="190"/>
      <c r="P34" s="190"/>
      <c r="Q34" s="190"/>
      <c r="R34" s="190"/>
      <c r="S34" s="190"/>
      <c r="T34" s="190"/>
      <c r="U34" s="190"/>
      <c r="V34" s="190"/>
      <c r="W34" s="190"/>
      <c r="X34" s="190"/>
      <c r="Y34" s="190"/>
      <c r="Z34" s="190"/>
    </row>
    <row r="35" spans="1:26" ht="15" customHeight="1">
      <c r="B35" s="187" t="s">
        <v>260</v>
      </c>
      <c r="E35" s="215"/>
      <c r="F35" s="215"/>
      <c r="G35" s="215"/>
      <c r="H35" s="215"/>
      <c r="I35" s="215"/>
      <c r="J35" s="215"/>
      <c r="K35" s="215"/>
      <c r="L35" s="215"/>
      <c r="M35" s="215"/>
      <c r="N35" s="215"/>
      <c r="O35" s="215"/>
      <c r="P35" s="215"/>
      <c r="Q35" s="215"/>
      <c r="R35" s="215"/>
      <c r="S35" s="215"/>
      <c r="T35" s="215"/>
      <c r="U35" s="215"/>
      <c r="V35" s="215"/>
      <c r="W35" s="215"/>
      <c r="X35" s="215"/>
      <c r="Y35" s="215"/>
    </row>
    <row r="36" spans="1:26" ht="15" customHeight="1">
      <c r="B36" s="187" t="s">
        <v>261</v>
      </c>
      <c r="E36" s="215"/>
      <c r="F36" s="215"/>
      <c r="G36" s="215"/>
      <c r="H36" s="215"/>
      <c r="I36" s="215"/>
      <c r="J36" s="215"/>
      <c r="K36" s="215"/>
      <c r="L36" s="215"/>
      <c r="M36" s="215"/>
      <c r="N36" s="215"/>
      <c r="O36" s="215"/>
      <c r="P36" s="215"/>
      <c r="Q36" s="215"/>
      <c r="R36" s="215"/>
      <c r="S36" s="215"/>
      <c r="T36" s="215"/>
      <c r="U36" s="215"/>
      <c r="V36" s="215"/>
      <c r="W36" s="215"/>
      <c r="X36" s="215"/>
      <c r="Y36" s="215"/>
    </row>
    <row r="37" spans="1:26" ht="15" customHeight="1">
      <c r="E37" s="215"/>
      <c r="F37" s="215"/>
      <c r="G37" s="215"/>
      <c r="H37" s="215"/>
      <c r="I37" s="215"/>
      <c r="J37" s="215"/>
      <c r="K37" s="215"/>
      <c r="L37" s="215"/>
      <c r="M37" s="215"/>
      <c r="N37" s="215"/>
      <c r="O37" s="215"/>
      <c r="P37" s="215"/>
      <c r="Q37" s="215"/>
      <c r="R37" s="215"/>
      <c r="S37" s="215"/>
      <c r="T37" s="215"/>
      <c r="U37" s="215"/>
      <c r="V37" s="215"/>
      <c r="W37" s="215"/>
      <c r="X37" s="215"/>
      <c r="Y37" s="215"/>
    </row>
    <row r="38" spans="1:26" ht="15" customHeight="1">
      <c r="B38" s="220"/>
      <c r="E38" s="215"/>
      <c r="F38" s="215"/>
      <c r="G38" s="215"/>
      <c r="H38" s="215"/>
      <c r="I38" s="215"/>
      <c r="J38" s="215"/>
      <c r="K38" s="215"/>
      <c r="L38" s="215"/>
      <c r="M38" s="215"/>
      <c r="N38" s="215"/>
      <c r="O38" s="215"/>
      <c r="P38" s="215"/>
      <c r="Q38" s="215"/>
      <c r="R38" s="215"/>
      <c r="S38" s="215"/>
      <c r="T38" s="215"/>
      <c r="U38" s="215"/>
      <c r="V38" s="215"/>
      <c r="W38" s="215"/>
      <c r="X38" s="215"/>
      <c r="Y38" s="215"/>
    </row>
    <row r="39" spans="1:26" ht="24.75" customHeight="1">
      <c r="A39" s="160" t="s">
        <v>186</v>
      </c>
    </row>
    <row r="40" spans="1:26" s="221" customFormat="1" ht="21.75" customHeight="1">
      <c r="C40" s="217" t="s">
        <v>188</v>
      </c>
      <c r="I40" s="217" t="s">
        <v>193</v>
      </c>
    </row>
    <row r="41" spans="1:26" s="221" customFormat="1" ht="15" customHeight="1" thickBot="1">
      <c r="D41" s="222" t="s">
        <v>168</v>
      </c>
      <c r="E41" s="297" t="s">
        <v>234</v>
      </c>
      <c r="F41" s="297"/>
      <c r="G41" s="298"/>
      <c r="I41" s="306" t="s">
        <v>168</v>
      </c>
      <c r="J41" s="298"/>
      <c r="K41" s="297" t="s">
        <v>235</v>
      </c>
      <c r="L41" s="297"/>
      <c r="M41" s="298"/>
    </row>
    <row r="42" spans="1:26" s="221" customFormat="1" ht="15" customHeight="1" thickTop="1">
      <c r="D42" s="223" t="s">
        <v>189</v>
      </c>
      <c r="E42" s="313"/>
      <c r="F42" s="314"/>
      <c r="G42" s="218" t="s">
        <v>187</v>
      </c>
      <c r="I42" s="307" t="s">
        <v>177</v>
      </c>
      <c r="J42" s="308"/>
      <c r="K42" s="313"/>
      <c r="L42" s="314"/>
      <c r="M42" s="218" t="s">
        <v>195</v>
      </c>
    </row>
    <row r="43" spans="1:26" ht="15" customHeight="1">
      <c r="D43" s="224" t="s">
        <v>190</v>
      </c>
      <c r="E43" s="302"/>
      <c r="F43" s="303"/>
      <c r="G43" s="219" t="s">
        <v>187</v>
      </c>
      <c r="I43" s="309" t="s">
        <v>191</v>
      </c>
      <c r="J43" s="310"/>
      <c r="K43" s="302"/>
      <c r="L43" s="303"/>
      <c r="M43" s="219" t="s">
        <v>195</v>
      </c>
    </row>
    <row r="44" spans="1:26" ht="15" customHeight="1">
      <c r="D44" s="224" t="s">
        <v>191</v>
      </c>
      <c r="E44" s="302"/>
      <c r="F44" s="303"/>
      <c r="G44" s="219" t="s">
        <v>187</v>
      </c>
      <c r="I44" s="309" t="s">
        <v>192</v>
      </c>
      <c r="J44" s="310"/>
      <c r="K44" s="302"/>
      <c r="L44" s="303"/>
      <c r="M44" s="219" t="s">
        <v>195</v>
      </c>
    </row>
    <row r="45" spans="1:26" ht="15" customHeight="1">
      <c r="D45" s="224" t="s">
        <v>192</v>
      </c>
      <c r="E45" s="302"/>
      <c r="F45" s="303"/>
      <c r="G45" s="219" t="s">
        <v>187</v>
      </c>
      <c r="I45" s="309" t="s">
        <v>194</v>
      </c>
      <c r="J45" s="310"/>
      <c r="K45" s="302"/>
      <c r="L45" s="303"/>
      <c r="M45" s="219" t="s">
        <v>195</v>
      </c>
    </row>
    <row r="46" spans="1:26" ht="15" customHeight="1">
      <c r="D46" s="224" t="s">
        <v>257</v>
      </c>
      <c r="E46" s="302"/>
      <c r="F46" s="303"/>
      <c r="G46" s="219" t="s">
        <v>187</v>
      </c>
      <c r="I46" s="309" t="s">
        <v>257</v>
      </c>
      <c r="J46" s="310"/>
      <c r="K46" s="302"/>
      <c r="L46" s="303"/>
      <c r="M46" s="219" t="s">
        <v>195</v>
      </c>
    </row>
    <row r="47" spans="1:26" ht="15" customHeight="1">
      <c r="D47" s="224" t="s">
        <v>257</v>
      </c>
      <c r="E47" s="302"/>
      <c r="F47" s="303"/>
      <c r="G47" s="219" t="s">
        <v>187</v>
      </c>
      <c r="I47" s="309" t="s">
        <v>257</v>
      </c>
      <c r="J47" s="310"/>
      <c r="K47" s="302"/>
      <c r="L47" s="303"/>
      <c r="M47" s="219" t="s">
        <v>195</v>
      </c>
    </row>
    <row r="48" spans="1:26" ht="15" customHeight="1">
      <c r="D48" s="224"/>
      <c r="E48" s="302"/>
      <c r="F48" s="303"/>
      <c r="G48" s="219" t="s">
        <v>187</v>
      </c>
      <c r="I48" s="309"/>
      <c r="J48" s="310"/>
      <c r="K48" s="302"/>
      <c r="L48" s="303"/>
      <c r="M48" s="219" t="s">
        <v>195</v>
      </c>
    </row>
    <row r="49" spans="4:13" ht="15" customHeight="1">
      <c r="D49" s="224" t="s">
        <v>185</v>
      </c>
      <c r="E49" s="302"/>
      <c r="F49" s="303"/>
      <c r="G49" s="219" t="s">
        <v>187</v>
      </c>
      <c r="I49" s="309" t="s">
        <v>185</v>
      </c>
      <c r="J49" s="310"/>
      <c r="K49" s="302"/>
      <c r="L49" s="303"/>
      <c r="M49" s="219" t="s">
        <v>195</v>
      </c>
    </row>
  </sheetData>
  <sheetProtection selectLockedCells="1" selectUnlockedCells="1"/>
  <mergeCells count="35">
    <mergeCell ref="C30:D30"/>
    <mergeCell ref="C31:D31"/>
    <mergeCell ref="C32:D32"/>
    <mergeCell ref="I46:J46"/>
    <mergeCell ref="I48:J48"/>
    <mergeCell ref="I47:J47"/>
    <mergeCell ref="I49:J49"/>
    <mergeCell ref="E43:F43"/>
    <mergeCell ref="I45:J45"/>
    <mergeCell ref="K41:M41"/>
    <mergeCell ref="E46:F46"/>
    <mergeCell ref="E47:F47"/>
    <mergeCell ref="E48:F48"/>
    <mergeCell ref="E49:F49"/>
    <mergeCell ref="K42:L42"/>
    <mergeCell ref="K43:L43"/>
    <mergeCell ref="E44:F44"/>
    <mergeCell ref="E45:F45"/>
    <mergeCell ref="E42:F42"/>
    <mergeCell ref="B5:B29"/>
    <mergeCell ref="E41:G41"/>
    <mergeCell ref="B30:B33"/>
    <mergeCell ref="K49:L49"/>
    <mergeCell ref="Z3:Z4"/>
    <mergeCell ref="I41:J41"/>
    <mergeCell ref="I42:J42"/>
    <mergeCell ref="I43:J43"/>
    <mergeCell ref="I44:J44"/>
    <mergeCell ref="K44:L44"/>
    <mergeCell ref="K45:L45"/>
    <mergeCell ref="K46:L46"/>
    <mergeCell ref="K47:L47"/>
    <mergeCell ref="K48:L48"/>
    <mergeCell ref="B3:D4"/>
    <mergeCell ref="E3:Y3"/>
  </mergeCells>
  <phoneticPr fontId="27"/>
  <printOptions horizontalCentered="1"/>
  <pageMargins left="0.59055118110236227" right="0.47244094488188981" top="0.59055118110236227" bottom="0.59055118110236227" header="0.39370078740157483" footer="0.39370078740157483"/>
  <pageSetup paperSize="8" scale="82" firstPageNumber="0" fitToHeight="0" orientation="landscape" horizontalDpi="300" verticalDpi="300"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H53"/>
  <sheetViews>
    <sheetView view="pageBreakPreview" zoomScaleNormal="100" zoomScaleSheetLayoutView="100" workbookViewId="0">
      <selection activeCell="B2" sqref="B2"/>
    </sheetView>
  </sheetViews>
  <sheetFormatPr defaultRowHeight="12" customHeight="1"/>
  <cols>
    <col min="1" max="1" width="2.125" style="238" customWidth="1"/>
    <col min="2" max="2" width="4.75" style="238" customWidth="1"/>
    <col min="3" max="3" width="7.125" style="238" customWidth="1"/>
    <col min="4" max="4" width="4.125" style="238" customWidth="1"/>
    <col min="5" max="5" width="29.875" style="238" customWidth="1"/>
    <col min="6" max="8" width="12.625" style="238" customWidth="1"/>
    <col min="9" max="9" width="4.875" style="238" customWidth="1"/>
    <col min="10" max="16384" width="9" style="238"/>
  </cols>
  <sheetData>
    <row r="1" spans="2:8" s="5" customFormat="1" ht="18" customHeight="1">
      <c r="B1" s="26" t="s">
        <v>263</v>
      </c>
      <c r="C1" s="6"/>
      <c r="D1" s="6"/>
    </row>
    <row r="2" spans="2:8" s="237" customFormat="1" ht="18" customHeight="1">
      <c r="B2" s="235" t="s">
        <v>262</v>
      </c>
      <c r="C2" s="235"/>
      <c r="D2" s="235"/>
      <c r="E2" s="235"/>
      <c r="F2" s="235"/>
      <c r="G2" s="235"/>
      <c r="H2" s="236"/>
    </row>
    <row r="3" spans="2:8" ht="41.25" customHeight="1">
      <c r="B3" s="321" t="s">
        <v>87</v>
      </c>
      <c r="C3" s="321"/>
      <c r="D3" s="321"/>
      <c r="E3" s="321"/>
      <c r="F3" s="182" t="s">
        <v>163</v>
      </c>
      <c r="G3" s="182" t="s">
        <v>88</v>
      </c>
      <c r="H3" s="182" t="s">
        <v>164</v>
      </c>
    </row>
    <row r="4" spans="2:8" ht="15.6" customHeight="1">
      <c r="B4" s="322" t="s">
        <v>89</v>
      </c>
      <c r="C4" s="323" t="s">
        <v>90</v>
      </c>
      <c r="D4" s="323"/>
      <c r="E4" s="323"/>
      <c r="F4" s="192"/>
      <c r="G4" s="239"/>
      <c r="H4" s="239"/>
    </row>
    <row r="5" spans="2:8" ht="15.6" customHeight="1">
      <c r="B5" s="322"/>
      <c r="C5" s="324" t="s">
        <v>91</v>
      </c>
      <c r="D5" s="324"/>
      <c r="E5" s="324"/>
      <c r="F5" s="216"/>
      <c r="G5" s="240"/>
      <c r="H5" s="240"/>
    </row>
    <row r="6" spans="2:8" ht="15.6" customHeight="1">
      <c r="B6" s="322"/>
      <c r="C6" s="324" t="s">
        <v>92</v>
      </c>
      <c r="D6" s="324"/>
      <c r="E6" s="324"/>
      <c r="F6" s="216"/>
      <c r="G6" s="240"/>
      <c r="H6" s="240"/>
    </row>
    <row r="7" spans="2:8" ht="15.6" customHeight="1">
      <c r="B7" s="322"/>
      <c r="C7" s="325" t="s">
        <v>93</v>
      </c>
      <c r="D7" s="325"/>
      <c r="E7" s="325"/>
      <c r="F7" s="194"/>
      <c r="G7" s="194"/>
      <c r="H7" s="194"/>
    </row>
    <row r="8" spans="2:8" ht="15.6" customHeight="1">
      <c r="B8" s="322" t="s">
        <v>94</v>
      </c>
      <c r="C8" s="323" t="s">
        <v>95</v>
      </c>
      <c r="D8" s="323"/>
      <c r="E8" s="323"/>
      <c r="F8" s="192"/>
      <c r="G8" s="239"/>
      <c r="H8" s="239"/>
    </row>
    <row r="9" spans="2:8" ht="15.6" customHeight="1">
      <c r="B9" s="322"/>
      <c r="C9" s="324" t="s">
        <v>96</v>
      </c>
      <c r="D9" s="324"/>
      <c r="E9" s="324"/>
      <c r="F9" s="216"/>
      <c r="G9" s="240"/>
      <c r="H9" s="240"/>
    </row>
    <row r="10" spans="2:8" ht="15.6" customHeight="1">
      <c r="B10" s="322"/>
      <c r="C10" s="324" t="s">
        <v>97</v>
      </c>
      <c r="D10" s="324"/>
      <c r="E10" s="324"/>
      <c r="F10" s="216"/>
      <c r="G10" s="240"/>
      <c r="H10" s="240"/>
    </row>
    <row r="11" spans="2:8" ht="15.6" customHeight="1">
      <c r="B11" s="322"/>
      <c r="C11" s="324" t="s">
        <v>98</v>
      </c>
      <c r="D11" s="324"/>
      <c r="E11" s="324"/>
      <c r="F11" s="194"/>
      <c r="G11" s="241"/>
      <c r="H11" s="241"/>
    </row>
    <row r="12" spans="2:8" ht="15.6" customHeight="1">
      <c r="B12" s="322"/>
      <c r="C12" s="324" t="s">
        <v>265</v>
      </c>
      <c r="D12" s="324"/>
      <c r="E12" s="324"/>
      <c r="F12" s="194"/>
      <c r="G12" s="241"/>
      <c r="H12" s="241"/>
    </row>
    <row r="13" spans="2:8" ht="15.6" customHeight="1">
      <c r="B13" s="322" t="s">
        <v>264</v>
      </c>
      <c r="C13" s="323" t="s">
        <v>95</v>
      </c>
      <c r="D13" s="323"/>
      <c r="E13" s="323"/>
      <c r="F13" s="192"/>
      <c r="G13" s="239"/>
      <c r="H13" s="239"/>
    </row>
    <row r="14" spans="2:8" ht="15.6" customHeight="1">
      <c r="B14" s="322"/>
      <c r="C14" s="324" t="s">
        <v>96</v>
      </c>
      <c r="D14" s="324"/>
      <c r="E14" s="324"/>
      <c r="F14" s="216"/>
      <c r="G14" s="240"/>
      <c r="H14" s="240"/>
    </row>
    <row r="15" spans="2:8" ht="15.6" customHeight="1">
      <c r="B15" s="322"/>
      <c r="C15" s="324" t="s">
        <v>98</v>
      </c>
      <c r="D15" s="324"/>
      <c r="E15" s="324"/>
      <c r="F15" s="194"/>
      <c r="G15" s="241"/>
      <c r="H15" s="241"/>
    </row>
    <row r="16" spans="2:8" ht="15.6" customHeight="1">
      <c r="B16" s="322"/>
      <c r="C16" s="324" t="s">
        <v>266</v>
      </c>
      <c r="D16" s="324"/>
      <c r="E16" s="324"/>
      <c r="F16" s="194"/>
      <c r="G16" s="241"/>
      <c r="H16" s="241"/>
    </row>
    <row r="17" spans="2:8" ht="15.6" customHeight="1">
      <c r="B17" s="322" t="s">
        <v>99</v>
      </c>
      <c r="C17" s="323"/>
      <c r="D17" s="323"/>
      <c r="E17" s="323"/>
      <c r="F17" s="192"/>
      <c r="G17" s="239"/>
      <c r="H17" s="239"/>
    </row>
    <row r="18" spans="2:8" ht="15.6" customHeight="1">
      <c r="B18" s="322"/>
      <c r="C18" s="324"/>
      <c r="D18" s="324"/>
      <c r="E18" s="324"/>
      <c r="F18" s="216"/>
      <c r="G18" s="240"/>
      <c r="H18" s="240"/>
    </row>
    <row r="19" spans="2:8" ht="15.6" customHeight="1">
      <c r="B19" s="322"/>
      <c r="C19" s="324"/>
      <c r="D19" s="324"/>
      <c r="E19" s="324"/>
      <c r="F19" s="216"/>
      <c r="G19" s="240"/>
      <c r="H19" s="240"/>
    </row>
    <row r="20" spans="2:8" ht="15.6" customHeight="1">
      <c r="B20" s="322"/>
      <c r="C20" s="324"/>
      <c r="D20" s="324"/>
      <c r="E20" s="324"/>
      <c r="F20" s="194"/>
      <c r="G20" s="241"/>
      <c r="H20" s="241"/>
    </row>
    <row r="21" spans="2:8" ht="15.6" customHeight="1">
      <c r="B21" s="322" t="s">
        <v>100</v>
      </c>
      <c r="C21" s="326" t="s">
        <v>101</v>
      </c>
      <c r="D21" s="326"/>
      <c r="E21" s="183"/>
      <c r="F21" s="239"/>
      <c r="G21" s="239"/>
      <c r="H21" s="239"/>
    </row>
    <row r="22" spans="2:8" ht="15.6" customHeight="1">
      <c r="B22" s="322"/>
      <c r="C22" s="326"/>
      <c r="D22" s="326"/>
      <c r="E22" s="184"/>
      <c r="F22" s="240"/>
      <c r="G22" s="240"/>
      <c r="H22" s="240"/>
    </row>
    <row r="23" spans="2:8" ht="15.6" customHeight="1">
      <c r="B23" s="322"/>
      <c r="C23" s="326"/>
      <c r="D23" s="326"/>
      <c r="E23" s="184"/>
      <c r="F23" s="240"/>
      <c r="G23" s="240"/>
      <c r="H23" s="240"/>
    </row>
    <row r="24" spans="2:8" ht="15.6" customHeight="1">
      <c r="B24" s="322"/>
      <c r="C24" s="326"/>
      <c r="D24" s="326"/>
      <c r="E24" s="184"/>
      <c r="F24" s="242"/>
      <c r="G24" s="242"/>
      <c r="H24" s="242"/>
    </row>
    <row r="25" spans="2:8" ht="15.6" customHeight="1">
      <c r="B25" s="322"/>
      <c r="C25" s="326" t="s">
        <v>102</v>
      </c>
      <c r="D25" s="326"/>
      <c r="E25" s="183"/>
      <c r="F25" s="239"/>
      <c r="G25" s="239"/>
      <c r="H25" s="239"/>
    </row>
    <row r="26" spans="2:8" ht="15.6" customHeight="1">
      <c r="B26" s="322"/>
      <c r="C26" s="326"/>
      <c r="D26" s="326"/>
      <c r="E26" s="185"/>
      <c r="F26" s="241"/>
      <c r="G26" s="241"/>
      <c r="H26" s="241"/>
    </row>
    <row r="27" spans="2:8" ht="15.6" customHeight="1">
      <c r="B27" s="322"/>
      <c r="C27" s="326"/>
      <c r="D27" s="326"/>
      <c r="E27" s="185"/>
      <c r="F27" s="241"/>
      <c r="G27" s="241"/>
      <c r="H27" s="241"/>
    </row>
    <row r="28" spans="2:8" ht="15.6" customHeight="1">
      <c r="B28" s="322"/>
      <c r="C28" s="326"/>
      <c r="D28" s="326"/>
      <c r="E28" s="186"/>
      <c r="F28" s="242"/>
      <c r="G28" s="242"/>
      <c r="H28" s="242"/>
    </row>
    <row r="29" spans="2:8" ht="15.6" customHeight="1">
      <c r="B29" s="322"/>
      <c r="C29" s="326" t="s">
        <v>103</v>
      </c>
      <c r="D29" s="326"/>
      <c r="E29" s="183"/>
      <c r="F29" s="239"/>
      <c r="G29" s="239"/>
      <c r="H29" s="239"/>
    </row>
    <row r="30" spans="2:8" ht="15.6" customHeight="1">
      <c r="B30" s="322"/>
      <c r="C30" s="326"/>
      <c r="D30" s="326"/>
      <c r="E30" s="185"/>
      <c r="F30" s="241"/>
      <c r="G30" s="241"/>
      <c r="H30" s="241"/>
    </row>
    <row r="31" spans="2:8" ht="15.6" customHeight="1">
      <c r="B31" s="322"/>
      <c r="C31" s="326"/>
      <c r="D31" s="326"/>
      <c r="E31" s="185"/>
      <c r="F31" s="241"/>
      <c r="G31" s="241"/>
      <c r="H31" s="241"/>
    </row>
    <row r="32" spans="2:8" ht="15.6" customHeight="1">
      <c r="B32" s="322"/>
      <c r="C32" s="326"/>
      <c r="D32" s="326"/>
      <c r="E32" s="186"/>
      <c r="F32" s="242"/>
      <c r="G32" s="242"/>
      <c r="H32" s="242"/>
    </row>
    <row r="33" spans="2:8" ht="15.6" customHeight="1">
      <c r="B33" s="322"/>
      <c r="C33" s="326" t="s">
        <v>104</v>
      </c>
      <c r="D33" s="326"/>
      <c r="E33" s="183"/>
      <c r="F33" s="239"/>
      <c r="G33" s="239"/>
      <c r="H33" s="239"/>
    </row>
    <row r="34" spans="2:8" ht="15.6" customHeight="1">
      <c r="B34" s="322"/>
      <c r="C34" s="326"/>
      <c r="D34" s="326"/>
      <c r="E34" s="185"/>
      <c r="F34" s="241"/>
      <c r="G34" s="241"/>
      <c r="H34" s="241"/>
    </row>
    <row r="35" spans="2:8" ht="15.6" customHeight="1">
      <c r="B35" s="322"/>
      <c r="C35" s="326"/>
      <c r="D35" s="326"/>
      <c r="E35" s="185"/>
      <c r="F35" s="241"/>
      <c r="G35" s="241"/>
      <c r="H35" s="241"/>
    </row>
    <row r="36" spans="2:8" ht="15.6" customHeight="1">
      <c r="B36" s="322"/>
      <c r="C36" s="326"/>
      <c r="D36" s="326"/>
      <c r="E36" s="186"/>
      <c r="F36" s="242"/>
      <c r="G36" s="242"/>
      <c r="H36" s="242"/>
    </row>
    <row r="37" spans="2:8" ht="15.6" customHeight="1">
      <c r="B37" s="322"/>
      <c r="C37" s="326" t="s">
        <v>105</v>
      </c>
      <c r="D37" s="326"/>
      <c r="E37" s="183"/>
      <c r="F37" s="239"/>
      <c r="G37" s="239"/>
      <c r="H37" s="239"/>
    </row>
    <row r="38" spans="2:8" ht="15.6" customHeight="1">
      <c r="B38" s="322"/>
      <c r="C38" s="326"/>
      <c r="D38" s="326"/>
      <c r="E38" s="185"/>
      <c r="F38" s="241"/>
      <c r="G38" s="241"/>
      <c r="H38" s="241"/>
    </row>
    <row r="39" spans="2:8" ht="15.6" customHeight="1">
      <c r="B39" s="322"/>
      <c r="C39" s="326"/>
      <c r="D39" s="326"/>
      <c r="E39" s="185"/>
      <c r="F39" s="241"/>
      <c r="G39" s="241"/>
      <c r="H39" s="241"/>
    </row>
    <row r="40" spans="2:8" ht="15.6" customHeight="1">
      <c r="B40" s="322"/>
      <c r="C40" s="326"/>
      <c r="D40" s="326"/>
      <c r="E40" s="186"/>
      <c r="F40" s="242"/>
      <c r="G40" s="242"/>
      <c r="H40" s="242"/>
    </row>
    <row r="41" spans="2:8" ht="15.6" customHeight="1">
      <c r="B41" s="322"/>
      <c r="C41" s="327" t="s">
        <v>106</v>
      </c>
      <c r="D41" s="327"/>
      <c r="E41" s="183"/>
      <c r="F41" s="239"/>
      <c r="G41" s="239"/>
      <c r="H41" s="239"/>
    </row>
    <row r="42" spans="2:8" ht="15.6" customHeight="1">
      <c r="B42" s="322"/>
      <c r="C42" s="327"/>
      <c r="D42" s="327"/>
      <c r="E42" s="184"/>
      <c r="F42" s="240"/>
      <c r="G42" s="240"/>
      <c r="H42" s="240"/>
    </row>
    <row r="43" spans="2:8" ht="15.6" customHeight="1">
      <c r="B43" s="322"/>
      <c r="C43" s="327"/>
      <c r="D43" s="327"/>
      <c r="E43" s="185"/>
      <c r="F43" s="241"/>
      <c r="G43" s="241"/>
      <c r="H43" s="241"/>
    </row>
    <row r="44" spans="2:8" ht="15.6" customHeight="1">
      <c r="B44" s="322"/>
      <c r="C44" s="327"/>
      <c r="D44" s="327"/>
      <c r="E44" s="186"/>
      <c r="F44" s="242"/>
      <c r="G44" s="242"/>
      <c r="H44" s="242"/>
    </row>
    <row r="45" spans="2:8" ht="15.6" customHeight="1">
      <c r="B45" s="322" t="s">
        <v>74</v>
      </c>
      <c r="C45" s="328"/>
      <c r="D45" s="328"/>
      <c r="E45" s="328"/>
      <c r="F45" s="239"/>
      <c r="G45" s="239"/>
      <c r="H45" s="239"/>
    </row>
    <row r="46" spans="2:8" ht="15.6" customHeight="1">
      <c r="B46" s="322"/>
      <c r="C46" s="329"/>
      <c r="D46" s="329"/>
      <c r="E46" s="329"/>
      <c r="F46" s="240"/>
      <c r="G46" s="240"/>
      <c r="H46" s="240"/>
    </row>
    <row r="47" spans="2:8" ht="15.6" customHeight="1">
      <c r="B47" s="322"/>
      <c r="C47" s="329"/>
      <c r="D47" s="329"/>
      <c r="E47" s="329"/>
      <c r="F47" s="240"/>
      <c r="G47" s="240"/>
      <c r="H47" s="240"/>
    </row>
    <row r="48" spans="2:8" ht="15.6" customHeight="1">
      <c r="B48" s="322"/>
      <c r="C48" s="331"/>
      <c r="D48" s="331"/>
      <c r="E48" s="331"/>
      <c r="F48" s="243"/>
      <c r="G48" s="243"/>
      <c r="H48" s="243"/>
    </row>
    <row r="49" spans="2:8" ht="15.6" customHeight="1">
      <c r="B49" s="332" t="s">
        <v>65</v>
      </c>
      <c r="C49" s="328"/>
      <c r="D49" s="328"/>
      <c r="E49" s="328"/>
      <c r="F49" s="192"/>
      <c r="G49" s="192"/>
      <c r="H49" s="192"/>
    </row>
    <row r="50" spans="2:8" ht="15.6" customHeight="1">
      <c r="B50" s="332"/>
      <c r="C50" s="329"/>
      <c r="D50" s="329"/>
      <c r="E50" s="329"/>
      <c r="F50" s="216"/>
      <c r="G50" s="216"/>
      <c r="H50" s="216"/>
    </row>
    <row r="51" spans="2:8" ht="15.6" customHeight="1">
      <c r="B51" s="332"/>
      <c r="C51" s="329"/>
      <c r="D51" s="329"/>
      <c r="E51" s="329"/>
      <c r="F51" s="194"/>
      <c r="G51" s="194"/>
      <c r="H51" s="194"/>
    </row>
    <row r="52" spans="2:8" ht="15.6" customHeight="1">
      <c r="B52" s="332"/>
      <c r="C52" s="330"/>
      <c r="D52" s="330"/>
      <c r="E52" s="330"/>
      <c r="F52" s="197"/>
      <c r="G52" s="197"/>
      <c r="H52" s="197"/>
    </row>
    <row r="53" spans="2:8" ht="12" customHeight="1">
      <c r="B53" s="238" t="s">
        <v>209</v>
      </c>
    </row>
  </sheetData>
  <sheetProtection selectLockedCells="1" selectUnlockedCells="1"/>
  <mergeCells count="39">
    <mergeCell ref="B13:B16"/>
    <mergeCell ref="C13:E13"/>
    <mergeCell ref="C14:E14"/>
    <mergeCell ref="C15:E15"/>
    <mergeCell ref="C16:E16"/>
    <mergeCell ref="C52:E52"/>
    <mergeCell ref="C48:E48"/>
    <mergeCell ref="B49:B52"/>
    <mergeCell ref="C49:E49"/>
    <mergeCell ref="C50:E50"/>
    <mergeCell ref="C51:E51"/>
    <mergeCell ref="C41:D44"/>
    <mergeCell ref="B45:B48"/>
    <mergeCell ref="C45:E45"/>
    <mergeCell ref="C46:E46"/>
    <mergeCell ref="C47:E47"/>
    <mergeCell ref="B21:B44"/>
    <mergeCell ref="C37:D40"/>
    <mergeCell ref="C29:D32"/>
    <mergeCell ref="C33:D36"/>
    <mergeCell ref="C19:E19"/>
    <mergeCell ref="C20:E20"/>
    <mergeCell ref="C21:D24"/>
    <mergeCell ref="C25:D28"/>
    <mergeCell ref="B17:B20"/>
    <mergeCell ref="C17:E17"/>
    <mergeCell ref="C18:E18"/>
    <mergeCell ref="B8:B12"/>
    <mergeCell ref="C8:E8"/>
    <mergeCell ref="C9:E9"/>
    <mergeCell ref="C10:E10"/>
    <mergeCell ref="C11:E11"/>
    <mergeCell ref="C12:E12"/>
    <mergeCell ref="B3:E3"/>
    <mergeCell ref="B4:B7"/>
    <mergeCell ref="C4:E4"/>
    <mergeCell ref="C5:E5"/>
    <mergeCell ref="C6:E6"/>
    <mergeCell ref="C7:E7"/>
  </mergeCells>
  <phoneticPr fontId="27"/>
  <printOptions horizontalCentered="1"/>
  <pageMargins left="0.59055118110236227" right="0.59055118110236227" top="0.59055118110236227" bottom="0.59055118110236227" header="0.51181102362204722" footer="0.51181102362204722"/>
  <pageSetup paperSize="9" scale="96" firstPageNumber="0" orientation="portrait" horizontalDpi="300" verticalDpi="300"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C8"/>
  <sheetViews>
    <sheetView zoomScale="85" zoomScaleNormal="85" workbookViewId="0">
      <selection activeCell="B2" sqref="B2"/>
    </sheetView>
  </sheetViews>
  <sheetFormatPr defaultRowHeight="13.5"/>
  <cols>
    <col min="1" max="1" width="3.5" style="158" customWidth="1"/>
    <col min="2" max="2" width="23.875" style="158" customWidth="1"/>
    <col min="3" max="3" width="73.75" style="158" customWidth="1"/>
    <col min="4" max="16384" width="9" style="158"/>
  </cols>
  <sheetData>
    <row r="1" spans="2:3" ht="18" customHeight="1">
      <c r="B1" s="158" t="s">
        <v>306</v>
      </c>
    </row>
    <row r="2" spans="2:3" ht="17.25" customHeight="1">
      <c r="B2" s="250" t="s">
        <v>108</v>
      </c>
    </row>
    <row r="4" spans="2:3" ht="39.75" customHeight="1">
      <c r="B4" s="333" t="s">
        <v>267</v>
      </c>
      <c r="C4" s="333"/>
    </row>
    <row r="6" spans="2:3" ht="18.75" customHeight="1">
      <c r="B6" s="334" t="s">
        <v>109</v>
      </c>
      <c r="C6" s="334"/>
    </row>
    <row r="7" spans="2:3" ht="60.75" customHeight="1">
      <c r="B7" s="32" t="s">
        <v>110</v>
      </c>
      <c r="C7" s="234" t="s">
        <v>111</v>
      </c>
    </row>
    <row r="8" spans="2:3" ht="219.75" customHeight="1">
      <c r="B8" s="32" t="s">
        <v>112</v>
      </c>
      <c r="C8" s="234"/>
    </row>
  </sheetData>
  <sheetProtection selectLockedCells="1" selectUnlockedCells="1"/>
  <mergeCells count="2">
    <mergeCell ref="B4:C4"/>
    <mergeCell ref="B6:C6"/>
  </mergeCells>
  <phoneticPr fontId="27"/>
  <pageMargins left="0.78740157480314965" right="0.78740157480314965" top="0.78740157480314965" bottom="0.98425196850393704" header="0.51181102362204722" footer="0.51181102362204722"/>
  <pageSetup paperSize="9" scale="86" firstPageNumber="0" orientation="portrait" horizontalDpi="300" verticalDpi="300" r:id="rId1"/>
  <headerFooter alignWithMargins="0"/>
  <colBreaks count="1" manualBreakCount="1">
    <brk id="3"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H36"/>
  <sheetViews>
    <sheetView view="pageBreakPreview" zoomScale="85" zoomScaleNormal="85" zoomScaleSheetLayoutView="85" workbookViewId="0">
      <selection activeCell="O42" sqref="O42"/>
    </sheetView>
  </sheetViews>
  <sheetFormatPr defaultRowHeight="13.5"/>
  <cols>
    <col min="1" max="1" width="4.125" style="33" customWidth="1"/>
    <col min="2" max="2" width="29.25" style="33" customWidth="1"/>
    <col min="3" max="7" width="8.625" style="33" customWidth="1"/>
    <col min="8" max="8" width="18.375" style="33" customWidth="1"/>
    <col min="9" max="9" width="2.75" style="33" customWidth="1"/>
    <col min="10" max="16384" width="9" style="33"/>
  </cols>
  <sheetData>
    <row r="1" spans="2:8" ht="20.25" customHeight="1">
      <c r="B1" s="249" t="s">
        <v>313</v>
      </c>
      <c r="C1" s="34"/>
      <c r="D1" s="34"/>
      <c r="E1" s="34"/>
      <c r="F1" s="34"/>
      <c r="G1" s="34"/>
      <c r="H1" s="34"/>
    </row>
    <row r="2" spans="2:8" ht="21" customHeight="1">
      <c r="B2" s="344" t="s">
        <v>268</v>
      </c>
      <c r="C2" s="344"/>
      <c r="D2" s="344"/>
      <c r="E2" s="344"/>
      <c r="F2" s="344"/>
      <c r="G2" s="344"/>
      <c r="H2" s="344"/>
    </row>
    <row r="3" spans="2:8" ht="16.5" customHeight="1" thickBot="1">
      <c r="H3" s="35" t="s">
        <v>113</v>
      </c>
    </row>
    <row r="4" spans="2:8" s="34" customFormat="1" ht="16.5" customHeight="1" thickBot="1">
      <c r="B4" s="36" t="s">
        <v>270</v>
      </c>
      <c r="C4" s="37" t="s">
        <v>114</v>
      </c>
      <c r="D4" s="38" t="s">
        <v>115</v>
      </c>
      <c r="E4" s="39" t="s">
        <v>116</v>
      </c>
      <c r="F4" s="39" t="s">
        <v>117</v>
      </c>
      <c r="G4" s="40" t="s">
        <v>118</v>
      </c>
      <c r="H4" s="41" t="s">
        <v>18</v>
      </c>
    </row>
    <row r="5" spans="2:8" s="34" customFormat="1" ht="16.5" customHeight="1">
      <c r="B5" s="42" t="s">
        <v>119</v>
      </c>
      <c r="C5" s="43"/>
      <c r="D5" s="44"/>
      <c r="E5" s="45"/>
      <c r="F5" s="45"/>
      <c r="G5" s="46"/>
      <c r="H5" s="47"/>
    </row>
    <row r="6" spans="2:8" s="34" customFormat="1" ht="16.5" customHeight="1">
      <c r="B6" s="48" t="s">
        <v>120</v>
      </c>
      <c r="C6" s="49"/>
      <c r="D6" s="50"/>
      <c r="E6" s="51"/>
      <c r="F6" s="51"/>
      <c r="G6" s="52"/>
      <c r="H6" s="53"/>
    </row>
    <row r="7" spans="2:8" s="34" customFormat="1" ht="16.5" customHeight="1">
      <c r="B7" s="48" t="s">
        <v>121</v>
      </c>
      <c r="C7" s="49"/>
      <c r="D7" s="50"/>
      <c r="E7" s="51"/>
      <c r="F7" s="51"/>
      <c r="G7" s="52"/>
      <c r="H7" s="53"/>
    </row>
    <row r="8" spans="2:8" s="34" customFormat="1" ht="16.5" customHeight="1">
      <c r="B8" s="48"/>
      <c r="C8" s="49"/>
      <c r="D8" s="50"/>
      <c r="E8" s="51"/>
      <c r="F8" s="51"/>
      <c r="G8" s="52"/>
      <c r="H8" s="53"/>
    </row>
    <row r="9" spans="2:8" s="34" customFormat="1" ht="16.5" customHeight="1">
      <c r="B9" s="48"/>
      <c r="C9" s="49"/>
      <c r="D9" s="50"/>
      <c r="E9" s="51"/>
      <c r="F9" s="51"/>
      <c r="G9" s="52"/>
      <c r="H9" s="53"/>
    </row>
    <row r="10" spans="2:8" ht="16.5" customHeight="1">
      <c r="B10" s="54" t="s">
        <v>122</v>
      </c>
      <c r="C10" s="55"/>
      <c r="D10" s="56"/>
      <c r="E10" s="57"/>
      <c r="F10" s="57"/>
      <c r="G10" s="58"/>
      <c r="H10" s="59"/>
    </row>
    <row r="11" spans="2:8" ht="16.5" customHeight="1">
      <c r="B11" s="54" t="s">
        <v>269</v>
      </c>
      <c r="C11" s="55"/>
      <c r="D11" s="56"/>
      <c r="E11" s="57"/>
      <c r="F11" s="57"/>
      <c r="G11" s="58"/>
      <c r="H11" s="59"/>
    </row>
    <row r="12" spans="2:8" ht="16.5" customHeight="1">
      <c r="B12" s="54"/>
      <c r="C12" s="55"/>
      <c r="D12" s="56"/>
      <c r="E12" s="57"/>
      <c r="F12" s="57"/>
      <c r="G12" s="58"/>
      <c r="H12" s="59"/>
    </row>
    <row r="13" spans="2:8" ht="16.5" customHeight="1">
      <c r="B13" s="54"/>
      <c r="C13" s="55"/>
      <c r="D13" s="56"/>
      <c r="E13" s="57"/>
      <c r="F13" s="57"/>
      <c r="G13" s="58"/>
      <c r="H13" s="59"/>
    </row>
    <row r="14" spans="2:8" ht="16.5" customHeight="1">
      <c r="B14" s="54" t="s">
        <v>123</v>
      </c>
      <c r="C14" s="55"/>
      <c r="D14" s="56"/>
      <c r="E14" s="57"/>
      <c r="F14" s="57"/>
      <c r="G14" s="58"/>
      <c r="H14" s="59"/>
    </row>
    <row r="15" spans="2:8" ht="16.5" customHeight="1">
      <c r="B15" s="244" t="s">
        <v>272</v>
      </c>
      <c r="C15" s="55"/>
      <c r="D15" s="56"/>
      <c r="E15" s="57"/>
      <c r="F15" s="57"/>
      <c r="G15" s="58"/>
      <c r="H15" s="59"/>
    </row>
    <row r="16" spans="2:8" ht="16.5" customHeight="1">
      <c r="B16" s="244" t="s">
        <v>273</v>
      </c>
      <c r="C16" s="55"/>
      <c r="D16" s="56"/>
      <c r="E16" s="57"/>
      <c r="F16" s="57"/>
      <c r="G16" s="58"/>
      <c r="H16" s="59"/>
    </row>
    <row r="17" spans="2:8" ht="16.5" customHeight="1">
      <c r="B17" s="54"/>
      <c r="C17" s="55"/>
      <c r="D17" s="56"/>
      <c r="E17" s="57"/>
      <c r="F17" s="57"/>
      <c r="G17" s="58"/>
      <c r="H17" s="59"/>
    </row>
    <row r="18" spans="2:8" ht="16.5" customHeight="1">
      <c r="B18" s="54"/>
      <c r="C18" s="55"/>
      <c r="D18" s="56"/>
      <c r="E18" s="57"/>
      <c r="F18" s="57"/>
      <c r="G18" s="58"/>
      <c r="H18" s="60"/>
    </row>
    <row r="19" spans="2:8" ht="16.5" customHeight="1">
      <c r="B19" s="54" t="s">
        <v>274</v>
      </c>
      <c r="C19" s="55"/>
      <c r="D19" s="56"/>
      <c r="E19" s="57"/>
      <c r="F19" s="57"/>
      <c r="G19" s="58"/>
      <c r="H19" s="59"/>
    </row>
    <row r="20" spans="2:8" ht="16.5" customHeight="1">
      <c r="B20" s="54"/>
      <c r="C20" s="55"/>
      <c r="D20" s="56"/>
      <c r="E20" s="57"/>
      <c r="F20" s="57"/>
      <c r="G20" s="58"/>
      <c r="H20" s="59"/>
    </row>
    <row r="21" spans="2:8" ht="16.5" customHeight="1">
      <c r="B21" s="54"/>
      <c r="C21" s="55"/>
      <c r="D21" s="56"/>
      <c r="E21" s="57"/>
      <c r="F21" s="57"/>
      <c r="G21" s="58"/>
      <c r="H21" s="59"/>
    </row>
    <row r="22" spans="2:8" ht="16.5" customHeight="1">
      <c r="B22" s="54"/>
      <c r="C22" s="55"/>
      <c r="D22" s="56"/>
      <c r="E22" s="57"/>
      <c r="F22" s="57"/>
      <c r="G22" s="58"/>
      <c r="H22" s="59"/>
    </row>
    <row r="23" spans="2:8" ht="16.5" customHeight="1">
      <c r="B23" s="61"/>
      <c r="C23" s="62"/>
      <c r="D23" s="63"/>
      <c r="E23" s="64"/>
      <c r="F23" s="64"/>
      <c r="G23" s="65"/>
      <c r="H23" s="66"/>
    </row>
    <row r="24" spans="2:8" ht="16.5" customHeight="1" thickBot="1">
      <c r="B24" s="81" t="s">
        <v>84</v>
      </c>
      <c r="C24" s="82">
        <f>SUM(C5:C23)</f>
        <v>0</v>
      </c>
      <c r="D24" s="83">
        <f t="shared" ref="D24:G24" si="0">SUM(D5:D23)</f>
        <v>0</v>
      </c>
      <c r="E24" s="84">
        <f t="shared" si="0"/>
        <v>0</v>
      </c>
      <c r="F24" s="84">
        <f t="shared" si="0"/>
        <v>0</v>
      </c>
      <c r="G24" s="85">
        <f t="shared" si="0"/>
        <v>0</v>
      </c>
      <c r="H24" s="86"/>
    </row>
    <row r="25" spans="2:8" ht="14.25" customHeight="1">
      <c r="B25" s="33" t="s">
        <v>124</v>
      </c>
    </row>
    <row r="26" spans="2:8">
      <c r="B26" s="33" t="s">
        <v>125</v>
      </c>
    </row>
    <row r="27" spans="2:8">
      <c r="B27" s="33" t="s">
        <v>271</v>
      </c>
    </row>
    <row r="28" spans="2:8">
      <c r="B28" s="33" t="s">
        <v>107</v>
      </c>
    </row>
    <row r="30" spans="2:8" ht="16.5" customHeight="1">
      <c r="C30" s="33" t="s">
        <v>275</v>
      </c>
    </row>
    <row r="31" spans="2:8" ht="15" customHeight="1">
      <c r="C31" s="338"/>
      <c r="D31" s="339"/>
      <c r="E31" s="339"/>
      <c r="F31" s="340"/>
      <c r="G31" s="246" t="s">
        <v>281</v>
      </c>
      <c r="H31" s="246" t="s">
        <v>278</v>
      </c>
    </row>
    <row r="32" spans="2:8" ht="15" customHeight="1">
      <c r="C32" s="341"/>
      <c r="D32" s="342"/>
      <c r="E32" s="342"/>
      <c r="F32" s="343"/>
      <c r="G32" s="245" t="s">
        <v>282</v>
      </c>
      <c r="H32" s="245" t="s">
        <v>280</v>
      </c>
    </row>
    <row r="33" spans="3:8" ht="16.5" customHeight="1">
      <c r="C33" s="335" t="s">
        <v>276</v>
      </c>
      <c r="D33" s="336"/>
      <c r="E33" s="336"/>
      <c r="F33" s="337"/>
      <c r="G33" s="247"/>
      <c r="H33" s="247"/>
    </row>
    <row r="34" spans="3:8" ht="16.5" customHeight="1">
      <c r="C34" s="335" t="s">
        <v>277</v>
      </c>
      <c r="D34" s="336"/>
      <c r="E34" s="336"/>
      <c r="F34" s="337"/>
      <c r="G34" s="247"/>
      <c r="H34" s="247"/>
    </row>
    <row r="35" spans="3:8" ht="16.5" customHeight="1">
      <c r="C35" s="335" t="s">
        <v>279</v>
      </c>
      <c r="D35" s="336"/>
      <c r="E35" s="336"/>
      <c r="F35" s="337"/>
      <c r="G35" s="247">
        <f>SUM(G33:G34)</f>
        <v>0</v>
      </c>
      <c r="H35" s="247">
        <f>SUM(H33:H34)</f>
        <v>0</v>
      </c>
    </row>
    <row r="36" spans="3:8" ht="16.5" customHeight="1"/>
  </sheetData>
  <sheetProtection selectLockedCells="1" selectUnlockedCells="1"/>
  <mergeCells count="5">
    <mergeCell ref="C34:F34"/>
    <mergeCell ref="C35:F35"/>
    <mergeCell ref="C31:F32"/>
    <mergeCell ref="B2:H2"/>
    <mergeCell ref="C33:F33"/>
  </mergeCells>
  <phoneticPr fontId="27"/>
  <printOptions horizontalCentered="1"/>
  <pageMargins left="0.51181102362204722" right="0.55118110236220474" top="0.78740157480314965" bottom="0.59055118110236227" header="0.51181102362204722" footer="0.51181102362204722"/>
  <pageSetup paperSize="9" scale="96" firstPageNumber="0"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1</vt:i4>
      </vt:variant>
    </vt:vector>
  </HeadingPairs>
  <TitlesOfParts>
    <vt:vector size="25" baseType="lpstr">
      <vt:lpstr>表紙</vt:lpstr>
      <vt:lpstr>様式第1号</vt:lpstr>
      <vt:lpstr>様式第2号</vt:lpstr>
      <vt:lpstr>様式第3号</vt:lpstr>
      <vt:lpstr>様式第4号-1</vt:lpstr>
      <vt:lpstr>様式第4号-2</vt:lpstr>
      <vt:lpstr>様式第5号</vt:lpstr>
      <vt:lpstr>様式第6号</vt:lpstr>
      <vt:lpstr>様式第7号</vt:lpstr>
      <vt:lpstr>様式第8号</vt:lpstr>
      <vt:lpstr>様式第9号</vt:lpstr>
      <vt:lpstr>様式第10号</vt:lpstr>
      <vt:lpstr>様式第11号</vt:lpstr>
      <vt:lpstr>様式第12号</vt:lpstr>
      <vt:lpstr>Excel_BuiltIn_Print_Area_13</vt:lpstr>
      <vt:lpstr>表紙!Print_Area</vt:lpstr>
      <vt:lpstr>様式第10号!Print_Area</vt:lpstr>
      <vt:lpstr>様式第11号!Print_Area</vt:lpstr>
      <vt:lpstr>様式第12号!Print_Area</vt:lpstr>
      <vt:lpstr>様式第3号!Print_Area</vt:lpstr>
      <vt:lpstr>'様式第4号-1'!Print_Area</vt:lpstr>
      <vt:lpstr>'様式第4号-2'!Print_Area</vt:lpstr>
      <vt:lpstr>様式第6号!Print_Area</vt:lpstr>
      <vt:lpstr>様式第7号!Print_Area</vt:lpstr>
      <vt:lpstr>様式第8号!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000736</cp:lastModifiedBy>
  <cp:lastPrinted>2016-07-07T05:04:39Z</cp:lastPrinted>
  <dcterms:created xsi:type="dcterms:W3CDTF">2012-09-14T00:56:54Z</dcterms:created>
  <dcterms:modified xsi:type="dcterms:W3CDTF">2016-07-20T05:52:37Z</dcterms:modified>
</cp:coreProperties>
</file>